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6_税財政データ集\R2年度\02_財政グループ分\"/>
    </mc:Choice>
  </mc:AlternateContent>
  <bookViews>
    <workbookView xWindow="0" yWindow="0" windowWidth="20400" windowHeight="7236"/>
  </bookViews>
  <sheets>
    <sheet name="15-1(積立金合計)" sheetId="1" r:id="rId1"/>
    <sheet name="15-2（財調）" sheetId="2" r:id="rId2"/>
    <sheet name="15-3（減債）" sheetId="3" r:id="rId3"/>
    <sheet name="15-4（その他特目）" sheetId="4" r:id="rId4"/>
  </sheets>
  <externalReferences>
    <externalReference r:id="rId5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5-1(積立金合計)'!$A$1:$G$39</definedName>
    <definedName name="_xlnm.Print_Area" localSheetId="1">'15-2（財調）'!$A$1:$G$39</definedName>
    <definedName name="_xlnm.Print_Area" localSheetId="2">'15-3（減債）'!$A$1:$G$39</definedName>
    <definedName name="_xlnm.Print_Area" localSheetId="3">'15-4（その他特目）'!$A$1:$G$39</definedName>
    <definedName name="_xlnm.Print_Titles" localSheetId="0">'15-1(積立金合計)'!$A:$A</definedName>
    <definedName name="_xlnm.Print_Titles" localSheetId="1">'15-2（財調）'!$A:$A</definedName>
    <definedName name="_xlnm.Print_Titles" localSheetId="2">'15-3（減債）'!$A:$A</definedName>
    <definedName name="_xlnm.Print_Titles" localSheetId="3">'15-4（その他特目）'!$A:$A</definedName>
  </definedNames>
  <calcPr calcId="152511"/>
</workbook>
</file>

<file path=xl/calcChain.xml><?xml version="1.0" encoding="utf-8"?>
<calcChain xmlns="http://schemas.openxmlformats.org/spreadsheetml/2006/main">
  <c r="G39" i="2" l="1"/>
  <c r="F39" i="2"/>
  <c r="E39" i="2"/>
  <c r="D39" i="2"/>
  <c r="C39" i="2"/>
  <c r="B39" i="2"/>
  <c r="C39" i="4" l="1"/>
  <c r="D39" i="4"/>
  <c r="E39" i="4"/>
  <c r="F39" i="4"/>
  <c r="G39" i="4"/>
  <c r="B39" i="4"/>
  <c r="C39" i="3"/>
  <c r="D39" i="3"/>
  <c r="E39" i="3"/>
  <c r="F39" i="3"/>
  <c r="G39" i="3"/>
  <c r="B39" i="3"/>
  <c r="C39" i="1"/>
  <c r="D39" i="1"/>
  <c r="E39" i="1"/>
  <c r="F39" i="1"/>
  <c r="G39" i="1"/>
  <c r="B39" i="1"/>
</calcChain>
</file>

<file path=xl/sharedStrings.xml><?xml version="1.0" encoding="utf-8"?>
<sst xmlns="http://schemas.openxmlformats.org/spreadsheetml/2006/main" count="208" uniqueCount="62">
  <si>
    <t>歳計剰余金</t>
  </si>
  <si>
    <t>歳出決算額</t>
    <rPh sb="0" eb="2">
      <t>サイシュツ</t>
    </rPh>
    <rPh sb="2" eb="4">
      <t>ケッサン</t>
    </rPh>
    <rPh sb="4" eb="5">
      <t>ガク</t>
    </rPh>
    <phoneticPr fontId="2"/>
  </si>
  <si>
    <t>Ａ</t>
  </si>
  <si>
    <t>Ｂ</t>
  </si>
  <si>
    <t>Ｃ</t>
  </si>
  <si>
    <t>横浜市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市町村計</t>
  </si>
  <si>
    <t>Ａ＋Ｂ－Ｃ</t>
    <phoneticPr fontId="2"/>
  </si>
  <si>
    <t>Ｄ</t>
    <phoneticPr fontId="2"/>
  </si>
  <si>
    <t>取崩し額</t>
    <phoneticPr fontId="2"/>
  </si>
  <si>
    <t>処分による</t>
    <phoneticPr fontId="2"/>
  </si>
  <si>
    <t>調整額</t>
    <phoneticPr fontId="2"/>
  </si>
  <si>
    <t>現在高</t>
    <phoneticPr fontId="2"/>
  </si>
  <si>
    <t>もの</t>
    <phoneticPr fontId="2"/>
  </si>
  <si>
    <t>Ｅ</t>
    <phoneticPr fontId="2"/>
  </si>
  <si>
    <t>＋Ｄ＋Ｅ</t>
    <phoneticPr fontId="2"/>
  </si>
  <si>
    <t>現在高</t>
  </si>
  <si>
    <t>取崩し額</t>
  </si>
  <si>
    <t>処分による</t>
  </si>
  <si>
    <t>調整額</t>
  </si>
  <si>
    <t>もの</t>
  </si>
  <si>
    <t>Ａ＋Ｂ－Ｃ</t>
  </si>
  <si>
    <t>Ｄ</t>
  </si>
  <si>
    <t>Ｅ</t>
  </si>
  <si>
    <t>＋Ｄ＋Ｅ</t>
  </si>
  <si>
    <t>平成30年度末</t>
    <phoneticPr fontId="2"/>
  </si>
  <si>
    <t>令和元年度</t>
    <rPh sb="0" eb="3">
      <t>レイワガン</t>
    </rPh>
    <phoneticPr fontId="1"/>
  </si>
  <si>
    <t>令和元年度末</t>
    <rPh sb="0" eb="2">
      <t>レイワ</t>
    </rPh>
    <rPh sb="2" eb="3">
      <t>ガン</t>
    </rPh>
    <rPh sb="5" eb="6">
      <t>マツ</t>
    </rPh>
    <phoneticPr fontId="1"/>
  </si>
  <si>
    <t>令和元年度</t>
    <rPh sb="0" eb="2">
      <t>レイワ</t>
    </rPh>
    <rPh sb="2" eb="3">
      <t>ガン</t>
    </rPh>
    <phoneticPr fontId="1"/>
  </si>
  <si>
    <t>平成30年度末</t>
    <rPh sb="0" eb="2">
      <t>ヘイセ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4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4">
    <xf numFmtId="0" fontId="0" fillId="0" borderId="0" xfId="0">
      <alignment vertical="center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0" xfId="0" applyNumberFormat="1" applyFont="1" applyBorder="1" applyAlignment="1">
      <alignment horizontal="center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4" xfId="0" quotePrefix="1" applyNumberFormat="1" applyFont="1" applyBorder="1" applyAlignment="1">
      <alignment horizontal="center" vertical="center" shrinkToFit="1"/>
    </xf>
    <xf numFmtId="0" fontId="3" fillId="0" borderId="5" xfId="0" applyFont="1" applyBorder="1" applyAlignment="1">
      <alignment horizontal="center" vertical="center"/>
    </xf>
    <xf numFmtId="176" fontId="3" fillId="0" borderId="0" xfId="0" applyNumberFormat="1" applyFont="1" applyAlignment="1">
      <alignment vertical="center" shrinkToFit="1"/>
    </xf>
    <xf numFmtId="0" fontId="3" fillId="0" borderId="6" xfId="0" applyFont="1" applyBorder="1" applyAlignment="1">
      <alignment horizontal="center" vertical="center"/>
    </xf>
    <xf numFmtId="176" fontId="3" fillId="0" borderId="0" xfId="0" applyNumberFormat="1" applyFont="1" applyBorder="1" applyAlignment="1">
      <alignment vertical="center" shrinkToFit="1"/>
    </xf>
    <xf numFmtId="0" fontId="3" fillId="0" borderId="7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3" fillId="0" borderId="5" xfId="0" applyNumberFormat="1" applyFont="1" applyBorder="1" applyAlignment="1">
      <alignment vertical="center" shrinkToFit="1"/>
    </xf>
    <xf numFmtId="176" fontId="3" fillId="0" borderId="6" xfId="0" applyNumberFormat="1" applyFont="1" applyBorder="1" applyAlignment="1">
      <alignment vertical="center" shrinkToFit="1"/>
    </xf>
    <xf numFmtId="176" fontId="3" fillId="0" borderId="7" xfId="0" applyNumberFormat="1" applyFont="1" applyBorder="1" applyAlignment="1">
      <alignment vertical="center" shrinkToFit="1"/>
    </xf>
    <xf numFmtId="176" fontId="3" fillId="2" borderId="2" xfId="0" applyNumberFormat="1" applyFont="1" applyFill="1" applyBorder="1" applyAlignment="1">
      <alignment vertical="center" shrinkToFit="1"/>
    </xf>
    <xf numFmtId="0" fontId="3" fillId="0" borderId="8" xfId="0" applyFont="1" applyBorder="1" applyAlignment="1">
      <alignment horizontal="center" vertical="center"/>
    </xf>
    <xf numFmtId="176" fontId="3" fillId="0" borderId="8" xfId="0" applyNumberFormat="1" applyFont="1" applyBorder="1" applyAlignment="1">
      <alignment vertical="center" shrinkToFit="1"/>
    </xf>
    <xf numFmtId="0" fontId="3" fillId="0" borderId="8" xfId="0" applyFont="1" applyFill="1" applyBorder="1" applyAlignment="1">
      <alignment horizontal="center" vertical="center"/>
    </xf>
    <xf numFmtId="176" fontId="3" fillId="0" borderId="8" xfId="0" applyNumberFormat="1" applyFont="1" applyFill="1" applyBorder="1" applyAlignment="1">
      <alignment vertical="center" shrinkToFit="1"/>
    </xf>
    <xf numFmtId="0" fontId="3" fillId="0" borderId="3" xfId="0" applyNumberFormat="1" applyFont="1" applyFill="1" applyBorder="1" applyAlignment="1">
      <alignment horizontal="center" vertical="center" shrinkToFit="1"/>
    </xf>
    <xf numFmtId="0" fontId="3" fillId="0" borderId="4" xfId="0" applyNumberFormat="1" applyFont="1" applyFill="1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G39"/>
  <sheetViews>
    <sheetView tabSelected="1" zoomScaleNormal="100" zoomScaleSheetLayoutView="100" workbookViewId="0"/>
  </sheetViews>
  <sheetFormatPr defaultColWidth="9.296875" defaultRowHeight="10.8"/>
  <cols>
    <col min="1" max="1" width="14.09765625" style="13" customWidth="1"/>
    <col min="2" max="16384" width="9.296875" style="8"/>
  </cols>
  <sheetData>
    <row r="1" spans="1:7" s="3" customFormat="1" ht="17.25" customHeight="1">
      <c r="A1" s="1"/>
      <c r="B1" s="1"/>
      <c r="C1" s="2" t="s">
        <v>58</v>
      </c>
      <c r="D1" s="2"/>
      <c r="E1" s="2"/>
      <c r="F1" s="2"/>
      <c r="G1" s="1"/>
    </row>
    <row r="2" spans="1:7" s="3" customFormat="1" ht="17.25" customHeight="1">
      <c r="A2" s="4"/>
      <c r="B2" s="4" t="s">
        <v>57</v>
      </c>
      <c r="C2" s="4"/>
      <c r="D2" s="4"/>
      <c r="E2" s="4" t="s">
        <v>0</v>
      </c>
      <c r="F2" s="4"/>
      <c r="G2" s="4" t="s">
        <v>59</v>
      </c>
    </row>
    <row r="3" spans="1:7" s="3" customFormat="1" ht="17.25" customHeight="1">
      <c r="A3" s="4"/>
      <c r="B3" s="4" t="s">
        <v>44</v>
      </c>
      <c r="C3" s="4" t="s">
        <v>1</v>
      </c>
      <c r="D3" s="4" t="s">
        <v>41</v>
      </c>
      <c r="E3" s="4" t="s">
        <v>42</v>
      </c>
      <c r="F3" s="4" t="s">
        <v>43</v>
      </c>
      <c r="G3" s="4" t="s">
        <v>44</v>
      </c>
    </row>
    <row r="4" spans="1:7" s="3" customFormat="1" ht="17.25" customHeight="1">
      <c r="A4" s="4"/>
      <c r="B4" s="4"/>
      <c r="C4" s="4"/>
      <c r="D4" s="4"/>
      <c r="E4" s="4" t="s">
        <v>45</v>
      </c>
      <c r="F4" s="4"/>
      <c r="G4" s="4" t="s">
        <v>39</v>
      </c>
    </row>
    <row r="5" spans="1:7" s="3" customFormat="1" ht="17.25" customHeight="1">
      <c r="A5" s="5"/>
      <c r="B5" s="5" t="s">
        <v>2</v>
      </c>
      <c r="C5" s="5" t="s">
        <v>3</v>
      </c>
      <c r="D5" s="5" t="s">
        <v>4</v>
      </c>
      <c r="E5" s="5" t="s">
        <v>40</v>
      </c>
      <c r="F5" s="5" t="s">
        <v>46</v>
      </c>
      <c r="G5" s="6" t="s">
        <v>47</v>
      </c>
    </row>
    <row r="6" spans="1:7" ht="17.25" customHeight="1">
      <c r="A6" s="7" t="s">
        <v>5</v>
      </c>
      <c r="B6" s="14">
        <v>36219897</v>
      </c>
      <c r="C6" s="14">
        <v>8972986</v>
      </c>
      <c r="D6" s="14">
        <v>21478658</v>
      </c>
      <c r="E6" s="14">
        <v>990718</v>
      </c>
      <c r="F6" s="14">
        <v>0</v>
      </c>
      <c r="G6" s="14">
        <v>24704943</v>
      </c>
    </row>
    <row r="7" spans="1:7" s="10" customFormat="1" ht="17.25" customHeight="1">
      <c r="A7" s="9" t="s">
        <v>6</v>
      </c>
      <c r="B7" s="15">
        <v>29275234</v>
      </c>
      <c r="C7" s="15">
        <v>3384928</v>
      </c>
      <c r="D7" s="15">
        <v>2041380</v>
      </c>
      <c r="E7" s="15">
        <v>96024</v>
      </c>
      <c r="F7" s="15">
        <v>0</v>
      </c>
      <c r="G7" s="15">
        <v>30714806</v>
      </c>
    </row>
    <row r="8" spans="1:7" ht="17.25" customHeight="1">
      <c r="A8" s="18" t="s">
        <v>7</v>
      </c>
      <c r="B8" s="19">
        <v>15069391</v>
      </c>
      <c r="C8" s="19">
        <v>988069</v>
      </c>
      <c r="D8" s="19">
        <v>5813783</v>
      </c>
      <c r="E8" s="19">
        <v>4200000</v>
      </c>
      <c r="F8" s="19">
        <v>-271</v>
      </c>
      <c r="G8" s="19">
        <v>14443406</v>
      </c>
    </row>
    <row r="9" spans="1:7" ht="17.25" customHeight="1">
      <c r="A9" s="9" t="s">
        <v>8</v>
      </c>
      <c r="B9" s="15">
        <v>14147068</v>
      </c>
      <c r="C9" s="15">
        <v>1315842</v>
      </c>
      <c r="D9" s="15">
        <v>4039860</v>
      </c>
      <c r="E9" s="15">
        <v>1750000</v>
      </c>
      <c r="F9" s="15">
        <v>397</v>
      </c>
      <c r="G9" s="15">
        <v>13173447</v>
      </c>
    </row>
    <row r="10" spans="1:7" s="10" customFormat="1" ht="17.25" customHeight="1">
      <c r="A10" s="9" t="s">
        <v>9</v>
      </c>
      <c r="B10" s="15">
        <v>14034641</v>
      </c>
      <c r="C10" s="15">
        <v>1048349</v>
      </c>
      <c r="D10" s="15">
        <v>773198</v>
      </c>
      <c r="E10" s="15">
        <v>0</v>
      </c>
      <c r="F10" s="15">
        <v>0</v>
      </c>
      <c r="G10" s="15">
        <v>14309792</v>
      </c>
    </row>
    <row r="11" spans="1:7" s="10" customFormat="1" ht="17.25" customHeight="1">
      <c r="A11" s="9" t="s">
        <v>10</v>
      </c>
      <c r="B11" s="15">
        <v>10492079</v>
      </c>
      <c r="C11" s="15">
        <v>1590567</v>
      </c>
      <c r="D11" s="15">
        <v>2359123</v>
      </c>
      <c r="E11" s="15">
        <v>0</v>
      </c>
      <c r="F11" s="15">
        <v>-2</v>
      </c>
      <c r="G11" s="15">
        <v>9723521</v>
      </c>
    </row>
    <row r="12" spans="1:7" s="10" customFormat="1" ht="17.25" customHeight="1">
      <c r="A12" s="9" t="s">
        <v>11</v>
      </c>
      <c r="B12" s="15">
        <v>19219344</v>
      </c>
      <c r="C12" s="15">
        <v>3663839</v>
      </c>
      <c r="D12" s="15">
        <v>3613262</v>
      </c>
      <c r="E12" s="15">
        <v>0</v>
      </c>
      <c r="F12" s="15">
        <v>-95776</v>
      </c>
      <c r="G12" s="15">
        <v>19174145</v>
      </c>
    </row>
    <row r="13" spans="1:7" s="10" customFormat="1" ht="17.25" customHeight="1">
      <c r="A13" s="9" t="s">
        <v>12</v>
      </c>
      <c r="B13" s="15">
        <v>10728378</v>
      </c>
      <c r="C13" s="15">
        <v>1524467</v>
      </c>
      <c r="D13" s="15">
        <v>2920075</v>
      </c>
      <c r="E13" s="15">
        <v>0</v>
      </c>
      <c r="F13" s="15">
        <v>118808</v>
      </c>
      <c r="G13" s="15">
        <v>9451578</v>
      </c>
    </row>
    <row r="14" spans="1:7" s="10" customFormat="1" ht="17.25" customHeight="1">
      <c r="A14" s="9" t="s">
        <v>13</v>
      </c>
      <c r="B14" s="15">
        <v>6390623</v>
      </c>
      <c r="C14" s="15">
        <v>1327319</v>
      </c>
      <c r="D14" s="15">
        <v>145143</v>
      </c>
      <c r="E14" s="15">
        <v>0</v>
      </c>
      <c r="F14" s="15">
        <v>0</v>
      </c>
      <c r="G14" s="15">
        <v>7572799</v>
      </c>
    </row>
    <row r="15" spans="1:7" s="10" customFormat="1" ht="17.25" customHeight="1">
      <c r="A15" s="9" t="s">
        <v>14</v>
      </c>
      <c r="B15" s="15">
        <v>1755590</v>
      </c>
      <c r="C15" s="15">
        <v>803200</v>
      </c>
      <c r="D15" s="15">
        <v>387394</v>
      </c>
      <c r="E15" s="15">
        <v>0</v>
      </c>
      <c r="F15" s="15">
        <v>0</v>
      </c>
      <c r="G15" s="15">
        <v>2171396</v>
      </c>
    </row>
    <row r="16" spans="1:7" s="10" customFormat="1" ht="17.25" customHeight="1">
      <c r="A16" s="9" t="s">
        <v>15</v>
      </c>
      <c r="B16" s="15">
        <v>1101681</v>
      </c>
      <c r="C16" s="15">
        <v>355745</v>
      </c>
      <c r="D16" s="15">
        <v>59173</v>
      </c>
      <c r="E16" s="15">
        <v>166559</v>
      </c>
      <c r="F16" s="15">
        <v>1</v>
      </c>
      <c r="G16" s="15">
        <v>1564813</v>
      </c>
    </row>
    <row r="17" spans="1:7" s="10" customFormat="1" ht="17.25" customHeight="1">
      <c r="A17" s="9" t="s">
        <v>16</v>
      </c>
      <c r="B17" s="15">
        <v>3457014</v>
      </c>
      <c r="C17" s="15">
        <v>399628</v>
      </c>
      <c r="D17" s="15">
        <v>325832</v>
      </c>
      <c r="E17" s="15">
        <v>650000</v>
      </c>
      <c r="F17" s="15">
        <v>21</v>
      </c>
      <c r="G17" s="15">
        <v>4180831</v>
      </c>
    </row>
    <row r="18" spans="1:7" s="10" customFormat="1" ht="17.25" customHeight="1">
      <c r="A18" s="9" t="s">
        <v>17</v>
      </c>
      <c r="B18" s="15">
        <v>18923368</v>
      </c>
      <c r="C18" s="15">
        <v>3326418</v>
      </c>
      <c r="D18" s="15">
        <v>2670277</v>
      </c>
      <c r="E18" s="15">
        <v>0</v>
      </c>
      <c r="F18" s="15">
        <v>0</v>
      </c>
      <c r="G18" s="15">
        <v>19579509</v>
      </c>
    </row>
    <row r="19" spans="1:7" s="10" customFormat="1" ht="17.25" customHeight="1">
      <c r="A19" s="9" t="s">
        <v>18</v>
      </c>
      <c r="B19" s="15">
        <v>7133067</v>
      </c>
      <c r="C19" s="15">
        <v>19671</v>
      </c>
      <c r="D19" s="15">
        <v>2557583</v>
      </c>
      <c r="E19" s="15">
        <v>900000</v>
      </c>
      <c r="F19" s="15">
        <v>0</v>
      </c>
      <c r="G19" s="15">
        <v>5495155</v>
      </c>
    </row>
    <row r="20" spans="1:7" s="10" customFormat="1" ht="17.25" customHeight="1">
      <c r="A20" s="9" t="s">
        <v>19</v>
      </c>
      <c r="B20" s="15">
        <v>2461549</v>
      </c>
      <c r="C20" s="15">
        <v>64607</v>
      </c>
      <c r="D20" s="15">
        <v>308429</v>
      </c>
      <c r="E20" s="15">
        <v>0</v>
      </c>
      <c r="F20" s="15">
        <v>0</v>
      </c>
      <c r="G20" s="15">
        <v>2217727</v>
      </c>
    </row>
    <row r="21" spans="1:7" s="10" customFormat="1" ht="17.25" customHeight="1">
      <c r="A21" s="9" t="s">
        <v>20</v>
      </c>
      <c r="B21" s="15">
        <v>6471032</v>
      </c>
      <c r="C21" s="15">
        <v>970901</v>
      </c>
      <c r="D21" s="15">
        <v>969422</v>
      </c>
      <c r="E21" s="15">
        <v>0</v>
      </c>
      <c r="F21" s="15">
        <v>0</v>
      </c>
      <c r="G21" s="15">
        <v>6472511</v>
      </c>
    </row>
    <row r="22" spans="1:7" s="10" customFormat="1" ht="17.25" customHeight="1">
      <c r="A22" s="9" t="s">
        <v>21</v>
      </c>
      <c r="B22" s="15">
        <v>2870591</v>
      </c>
      <c r="C22" s="15">
        <v>2056747</v>
      </c>
      <c r="D22" s="15">
        <v>2216406</v>
      </c>
      <c r="E22" s="15">
        <v>0</v>
      </c>
      <c r="F22" s="15">
        <v>1</v>
      </c>
      <c r="G22" s="15">
        <v>2710933</v>
      </c>
    </row>
    <row r="23" spans="1:7" s="10" customFormat="1" ht="17.25" customHeight="1">
      <c r="A23" s="9" t="s">
        <v>22</v>
      </c>
      <c r="B23" s="15">
        <v>3155218</v>
      </c>
      <c r="C23" s="15">
        <v>1410784</v>
      </c>
      <c r="D23" s="15">
        <v>367033</v>
      </c>
      <c r="E23" s="15">
        <v>0</v>
      </c>
      <c r="F23" s="15">
        <v>0</v>
      </c>
      <c r="G23" s="15">
        <v>4198969</v>
      </c>
    </row>
    <row r="24" spans="1:7" ht="17.25" customHeight="1">
      <c r="A24" s="18" t="s">
        <v>23</v>
      </c>
      <c r="B24" s="19">
        <v>2244674</v>
      </c>
      <c r="C24" s="19">
        <v>928247</v>
      </c>
      <c r="D24" s="19">
        <v>350122</v>
      </c>
      <c r="E24" s="19">
        <v>0</v>
      </c>
      <c r="F24" s="19">
        <v>0</v>
      </c>
      <c r="G24" s="19">
        <v>2822799</v>
      </c>
    </row>
    <row r="25" spans="1:7" ht="17.25" customHeight="1">
      <c r="A25" s="9" t="s">
        <v>24</v>
      </c>
      <c r="B25" s="15">
        <v>2229779</v>
      </c>
      <c r="C25" s="15">
        <v>401674</v>
      </c>
      <c r="D25" s="15">
        <v>566000</v>
      </c>
      <c r="E25" s="15">
        <v>0</v>
      </c>
      <c r="F25" s="15">
        <v>0</v>
      </c>
      <c r="G25" s="15">
        <v>2065453</v>
      </c>
    </row>
    <row r="26" spans="1:7" s="10" customFormat="1" ht="17.25" customHeight="1">
      <c r="A26" s="9" t="s">
        <v>25</v>
      </c>
      <c r="B26" s="15">
        <v>3235457</v>
      </c>
      <c r="C26" s="15">
        <v>782181</v>
      </c>
      <c r="D26" s="15">
        <v>408936</v>
      </c>
      <c r="E26" s="15">
        <v>0</v>
      </c>
      <c r="F26" s="15">
        <v>0</v>
      </c>
      <c r="G26" s="15">
        <v>3608702</v>
      </c>
    </row>
    <row r="27" spans="1:7" s="10" customFormat="1" ht="17.25" customHeight="1">
      <c r="A27" s="9" t="s">
        <v>26</v>
      </c>
      <c r="B27" s="15">
        <v>2208921</v>
      </c>
      <c r="C27" s="15">
        <v>849245</v>
      </c>
      <c r="D27" s="15">
        <v>377367</v>
      </c>
      <c r="E27" s="15">
        <v>0</v>
      </c>
      <c r="F27" s="15">
        <v>0</v>
      </c>
      <c r="G27" s="15">
        <v>2680799</v>
      </c>
    </row>
    <row r="28" spans="1:7" s="10" customFormat="1" ht="17.25" customHeight="1">
      <c r="A28" s="9" t="s">
        <v>27</v>
      </c>
      <c r="B28" s="15">
        <v>1443627</v>
      </c>
      <c r="C28" s="15">
        <v>361770</v>
      </c>
      <c r="D28" s="15">
        <v>130649</v>
      </c>
      <c r="E28" s="15">
        <v>0</v>
      </c>
      <c r="F28" s="15">
        <v>0</v>
      </c>
      <c r="G28" s="15">
        <v>1674748</v>
      </c>
    </row>
    <row r="29" spans="1:7" s="10" customFormat="1" ht="17.25" customHeight="1">
      <c r="A29" s="9" t="s">
        <v>28</v>
      </c>
      <c r="B29" s="15">
        <v>1615072</v>
      </c>
      <c r="C29" s="15">
        <v>194232</v>
      </c>
      <c r="D29" s="15">
        <v>0</v>
      </c>
      <c r="E29" s="15">
        <v>70000</v>
      </c>
      <c r="F29" s="15">
        <v>0</v>
      </c>
      <c r="G29" s="15">
        <v>1879304</v>
      </c>
    </row>
    <row r="30" spans="1:7" s="10" customFormat="1" ht="17.25" customHeight="1">
      <c r="A30" s="9" t="s">
        <v>29</v>
      </c>
      <c r="B30" s="15">
        <v>1747866</v>
      </c>
      <c r="C30" s="15">
        <v>61466</v>
      </c>
      <c r="D30" s="15">
        <v>90000</v>
      </c>
      <c r="E30" s="15">
        <v>0</v>
      </c>
      <c r="F30" s="15">
        <v>0</v>
      </c>
      <c r="G30" s="15">
        <v>1719332</v>
      </c>
    </row>
    <row r="31" spans="1:7" s="10" customFormat="1" ht="17.25" customHeight="1">
      <c r="A31" s="9" t="s">
        <v>30</v>
      </c>
      <c r="B31" s="15">
        <v>676802</v>
      </c>
      <c r="C31" s="15">
        <v>34533</v>
      </c>
      <c r="D31" s="15">
        <v>33600</v>
      </c>
      <c r="E31" s="15">
        <v>0</v>
      </c>
      <c r="F31" s="15">
        <v>4998</v>
      </c>
      <c r="G31" s="15">
        <v>682733</v>
      </c>
    </row>
    <row r="32" spans="1:7" s="10" customFormat="1" ht="17.25" customHeight="1">
      <c r="A32" s="9" t="s">
        <v>31</v>
      </c>
      <c r="B32" s="15">
        <v>1345210</v>
      </c>
      <c r="C32" s="15">
        <v>59343</v>
      </c>
      <c r="D32" s="15">
        <v>33358</v>
      </c>
      <c r="E32" s="15">
        <v>0</v>
      </c>
      <c r="F32" s="15">
        <v>0</v>
      </c>
      <c r="G32" s="15">
        <v>1371195</v>
      </c>
    </row>
    <row r="33" spans="1:7" s="10" customFormat="1" ht="17.25" customHeight="1">
      <c r="A33" s="9" t="s">
        <v>32</v>
      </c>
      <c r="B33" s="15">
        <v>1399391</v>
      </c>
      <c r="C33" s="15">
        <v>162064</v>
      </c>
      <c r="D33" s="15">
        <v>441543</v>
      </c>
      <c r="E33" s="15">
        <v>0</v>
      </c>
      <c r="F33" s="15">
        <v>0</v>
      </c>
      <c r="G33" s="15">
        <v>1119912</v>
      </c>
    </row>
    <row r="34" spans="1:7" s="10" customFormat="1" ht="17.25" customHeight="1">
      <c r="A34" s="9" t="s">
        <v>33</v>
      </c>
      <c r="B34" s="15">
        <v>2236250</v>
      </c>
      <c r="C34" s="15">
        <v>820416</v>
      </c>
      <c r="D34" s="15">
        <v>712716</v>
      </c>
      <c r="E34" s="15">
        <v>0</v>
      </c>
      <c r="F34" s="15">
        <v>0</v>
      </c>
      <c r="G34" s="15">
        <v>2343950</v>
      </c>
    </row>
    <row r="35" spans="1:7" s="10" customFormat="1" ht="17.25" customHeight="1">
      <c r="A35" s="9" t="s">
        <v>34</v>
      </c>
      <c r="B35" s="15">
        <v>457710</v>
      </c>
      <c r="C35" s="15">
        <v>12993</v>
      </c>
      <c r="D35" s="15">
        <v>102568</v>
      </c>
      <c r="E35" s="15">
        <v>0</v>
      </c>
      <c r="F35" s="15">
        <v>0</v>
      </c>
      <c r="G35" s="15">
        <v>368135</v>
      </c>
    </row>
    <row r="36" spans="1:7" s="10" customFormat="1" ht="17.25" customHeight="1">
      <c r="A36" s="9" t="s">
        <v>35</v>
      </c>
      <c r="B36" s="15">
        <v>2186888</v>
      </c>
      <c r="C36" s="15">
        <v>497582</v>
      </c>
      <c r="D36" s="15">
        <v>798148</v>
      </c>
      <c r="E36" s="15">
        <v>0</v>
      </c>
      <c r="F36" s="15">
        <v>-51040</v>
      </c>
      <c r="G36" s="15">
        <v>1835282</v>
      </c>
    </row>
    <row r="37" spans="1:7" s="10" customFormat="1" ht="17.25" customHeight="1">
      <c r="A37" s="9" t="s">
        <v>36</v>
      </c>
      <c r="B37" s="15">
        <v>1508158</v>
      </c>
      <c r="C37" s="15">
        <v>424119</v>
      </c>
      <c r="D37" s="15">
        <v>10195</v>
      </c>
      <c r="E37" s="15">
        <v>0</v>
      </c>
      <c r="F37" s="15">
        <v>0</v>
      </c>
      <c r="G37" s="15">
        <v>1922082</v>
      </c>
    </row>
    <row r="38" spans="1:7" ht="17.25" customHeight="1">
      <c r="A38" s="11" t="s">
        <v>37</v>
      </c>
      <c r="B38" s="16">
        <v>2317892</v>
      </c>
      <c r="C38" s="16">
        <v>80708</v>
      </c>
      <c r="D38" s="16">
        <v>9466</v>
      </c>
      <c r="E38" s="16">
        <v>0</v>
      </c>
      <c r="F38" s="16">
        <v>0</v>
      </c>
      <c r="G38" s="16">
        <v>2389134</v>
      </c>
    </row>
    <row r="39" spans="1:7" ht="17.25" customHeight="1">
      <c r="A39" s="12" t="s">
        <v>38</v>
      </c>
      <c r="B39" s="17">
        <f>SUM(B6:B38)</f>
        <v>229759462</v>
      </c>
      <c r="C39" s="17">
        <f t="shared" ref="C39:G39" si="0">SUM(C6:C38)</f>
        <v>38894640</v>
      </c>
      <c r="D39" s="17">
        <f t="shared" si="0"/>
        <v>57110699</v>
      </c>
      <c r="E39" s="17">
        <f t="shared" si="0"/>
        <v>8823301</v>
      </c>
      <c r="F39" s="17">
        <f t="shared" si="0"/>
        <v>-22863</v>
      </c>
      <c r="G39" s="17">
        <f t="shared" si="0"/>
        <v>220343841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元年度市町村普通会計決算状況
　（５）ア　積立金現在高（合計）［&amp;P/&amp;N］&amp;R&amp;"ＭＳ ゴシック,標準"&amp;10
（単位：千円）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G39"/>
  <sheetViews>
    <sheetView zoomScaleNormal="100" zoomScaleSheetLayoutView="100" workbookViewId="0">
      <selection activeCell="D25" sqref="D25"/>
    </sheetView>
  </sheetViews>
  <sheetFormatPr defaultColWidth="9.296875" defaultRowHeight="10.8"/>
  <cols>
    <col min="1" max="1" width="14.09765625" style="13" customWidth="1"/>
    <col min="2" max="16384" width="9.296875" style="8"/>
  </cols>
  <sheetData>
    <row r="1" spans="1:7" s="3" customFormat="1" ht="17.25" customHeight="1">
      <c r="A1" s="1"/>
      <c r="B1" s="1"/>
      <c r="C1" s="2" t="s">
        <v>60</v>
      </c>
      <c r="D1" s="2"/>
      <c r="E1" s="2"/>
      <c r="F1" s="2"/>
      <c r="G1" s="1"/>
    </row>
    <row r="2" spans="1:7" s="3" customFormat="1" ht="17.25" customHeight="1">
      <c r="A2" s="4"/>
      <c r="B2" s="4" t="s">
        <v>57</v>
      </c>
      <c r="C2" s="4"/>
      <c r="D2" s="4"/>
      <c r="E2" s="4" t="s">
        <v>0</v>
      </c>
      <c r="F2" s="4"/>
      <c r="G2" s="4" t="s">
        <v>59</v>
      </c>
    </row>
    <row r="3" spans="1:7" s="3" customFormat="1" ht="17.25" customHeight="1">
      <c r="A3" s="4"/>
      <c r="B3" s="4" t="s">
        <v>48</v>
      </c>
      <c r="C3" s="4" t="s">
        <v>1</v>
      </c>
      <c r="D3" s="4" t="s">
        <v>49</v>
      </c>
      <c r="E3" s="4" t="s">
        <v>50</v>
      </c>
      <c r="F3" s="4" t="s">
        <v>51</v>
      </c>
      <c r="G3" s="4" t="s">
        <v>48</v>
      </c>
    </row>
    <row r="4" spans="1:7" s="3" customFormat="1" ht="17.25" customHeight="1">
      <c r="A4" s="4"/>
      <c r="B4" s="4"/>
      <c r="C4" s="4"/>
      <c r="D4" s="4"/>
      <c r="E4" s="4" t="s">
        <v>52</v>
      </c>
      <c r="F4" s="4"/>
      <c r="G4" s="4" t="s">
        <v>53</v>
      </c>
    </row>
    <row r="5" spans="1:7" s="3" customFormat="1" ht="17.25" customHeight="1">
      <c r="A5" s="5"/>
      <c r="B5" s="5" t="s">
        <v>2</v>
      </c>
      <c r="C5" s="5" t="s">
        <v>3</v>
      </c>
      <c r="D5" s="5" t="s">
        <v>4</v>
      </c>
      <c r="E5" s="5" t="s">
        <v>54</v>
      </c>
      <c r="F5" s="5" t="s">
        <v>55</v>
      </c>
      <c r="G5" s="6" t="s">
        <v>56</v>
      </c>
    </row>
    <row r="6" spans="1:7" ht="17.25" customHeight="1">
      <c r="A6" s="7" t="s">
        <v>5</v>
      </c>
      <c r="B6" s="14">
        <v>21690393</v>
      </c>
      <c r="C6" s="14">
        <v>503382</v>
      </c>
      <c r="D6" s="14">
        <v>15219608</v>
      </c>
      <c r="E6" s="14">
        <v>990718</v>
      </c>
      <c r="F6" s="14">
        <v>0</v>
      </c>
      <c r="G6" s="14">
        <v>7964885</v>
      </c>
    </row>
    <row r="7" spans="1:7" s="10" customFormat="1" ht="17.25" customHeight="1">
      <c r="A7" s="9" t="s">
        <v>6</v>
      </c>
      <c r="B7" s="15">
        <v>6121419</v>
      </c>
      <c r="C7" s="15">
        <v>181639</v>
      </c>
      <c r="D7" s="15">
        <v>15000</v>
      </c>
      <c r="E7" s="15">
        <v>96024</v>
      </c>
      <c r="F7" s="15">
        <v>0</v>
      </c>
      <c r="G7" s="15">
        <v>6384082</v>
      </c>
    </row>
    <row r="8" spans="1:7" ht="17.25" customHeight="1">
      <c r="A8" s="18" t="s">
        <v>7</v>
      </c>
      <c r="B8" s="19">
        <v>7341893</v>
      </c>
      <c r="C8" s="19">
        <v>4149</v>
      </c>
      <c r="D8" s="19">
        <v>4750000</v>
      </c>
      <c r="E8" s="19">
        <v>4200000</v>
      </c>
      <c r="F8" s="19">
        <v>0</v>
      </c>
      <c r="G8" s="19">
        <v>6796042</v>
      </c>
    </row>
    <row r="9" spans="1:7" ht="17.25" customHeight="1">
      <c r="A9" s="9" t="s">
        <v>8</v>
      </c>
      <c r="B9" s="15">
        <v>11622906</v>
      </c>
      <c r="C9" s="15">
        <v>639</v>
      </c>
      <c r="D9" s="15">
        <v>3054156</v>
      </c>
      <c r="E9" s="15">
        <v>1750000</v>
      </c>
      <c r="F9" s="15">
        <v>0</v>
      </c>
      <c r="G9" s="15">
        <v>10319389</v>
      </c>
    </row>
    <row r="10" spans="1:7" s="10" customFormat="1" ht="17.25" customHeight="1">
      <c r="A10" s="9" t="s">
        <v>9</v>
      </c>
      <c r="B10" s="15">
        <v>6963726</v>
      </c>
      <c r="C10" s="15">
        <v>772089</v>
      </c>
      <c r="D10" s="15">
        <v>23310</v>
      </c>
      <c r="E10" s="15">
        <v>0</v>
      </c>
      <c r="F10" s="15">
        <v>0</v>
      </c>
      <c r="G10" s="15">
        <v>7712505</v>
      </c>
    </row>
    <row r="11" spans="1:7" s="10" customFormat="1" ht="17.25" customHeight="1">
      <c r="A11" s="9" t="s">
        <v>10</v>
      </c>
      <c r="B11" s="15">
        <v>5695532</v>
      </c>
      <c r="C11" s="15">
        <v>771326</v>
      </c>
      <c r="D11" s="15">
        <v>2104916</v>
      </c>
      <c r="E11" s="15">
        <v>0</v>
      </c>
      <c r="F11" s="15">
        <v>1</v>
      </c>
      <c r="G11" s="15">
        <v>4361943</v>
      </c>
    </row>
    <row r="12" spans="1:7" s="10" customFormat="1" ht="17.25" customHeight="1">
      <c r="A12" s="9" t="s">
        <v>11</v>
      </c>
      <c r="B12" s="15">
        <v>10011414</v>
      </c>
      <c r="C12" s="15">
        <v>2570007</v>
      </c>
      <c r="D12" s="15">
        <v>1300000</v>
      </c>
      <c r="E12" s="15">
        <v>0</v>
      </c>
      <c r="F12" s="15">
        <v>0</v>
      </c>
      <c r="G12" s="15">
        <v>11281421</v>
      </c>
    </row>
    <row r="13" spans="1:7" s="10" customFormat="1" ht="17.25" customHeight="1">
      <c r="A13" s="9" t="s">
        <v>12</v>
      </c>
      <c r="B13" s="15">
        <v>6137614</v>
      </c>
      <c r="C13" s="15">
        <v>1472335</v>
      </c>
      <c r="D13" s="15">
        <v>1790000</v>
      </c>
      <c r="E13" s="15">
        <v>0</v>
      </c>
      <c r="F13" s="15">
        <v>0</v>
      </c>
      <c r="G13" s="15">
        <v>5819949</v>
      </c>
    </row>
    <row r="14" spans="1:7" s="10" customFormat="1" ht="17.25" customHeight="1">
      <c r="A14" s="9" t="s">
        <v>13</v>
      </c>
      <c r="B14" s="15">
        <v>4313741</v>
      </c>
      <c r="C14" s="15">
        <v>950204</v>
      </c>
      <c r="D14" s="15">
        <v>0</v>
      </c>
      <c r="E14" s="15">
        <v>0</v>
      </c>
      <c r="F14" s="15">
        <v>0</v>
      </c>
      <c r="G14" s="15">
        <v>5263945</v>
      </c>
    </row>
    <row r="15" spans="1:7" s="10" customFormat="1" ht="17.25" customHeight="1">
      <c r="A15" s="9" t="s">
        <v>14</v>
      </c>
      <c r="B15" s="15">
        <v>1200018</v>
      </c>
      <c r="C15" s="15">
        <v>697440</v>
      </c>
      <c r="D15" s="15">
        <v>325674</v>
      </c>
      <c r="E15" s="15">
        <v>0</v>
      </c>
      <c r="F15" s="15">
        <v>0</v>
      </c>
      <c r="G15" s="15">
        <v>1571784</v>
      </c>
    </row>
    <row r="16" spans="1:7" s="10" customFormat="1" ht="17.25" customHeight="1">
      <c r="A16" s="9" t="s">
        <v>15</v>
      </c>
      <c r="B16" s="15">
        <v>782756</v>
      </c>
      <c r="C16" s="15">
        <v>59120</v>
      </c>
      <c r="D16" s="15">
        <v>0</v>
      </c>
      <c r="E16" s="15">
        <v>166559</v>
      </c>
      <c r="F16" s="15">
        <v>0</v>
      </c>
      <c r="G16" s="15">
        <v>1008435</v>
      </c>
    </row>
    <row r="17" spans="1:7" s="10" customFormat="1" ht="17.25" customHeight="1">
      <c r="A17" s="9" t="s">
        <v>16</v>
      </c>
      <c r="B17" s="15">
        <v>2580946</v>
      </c>
      <c r="C17" s="15">
        <v>21162</v>
      </c>
      <c r="D17" s="15">
        <v>14744</v>
      </c>
      <c r="E17" s="15">
        <v>650000</v>
      </c>
      <c r="F17" s="15">
        <v>21</v>
      </c>
      <c r="G17" s="15">
        <v>3237385</v>
      </c>
    </row>
    <row r="18" spans="1:7" s="10" customFormat="1" ht="17.25" customHeight="1">
      <c r="A18" s="9" t="s">
        <v>17</v>
      </c>
      <c r="B18" s="15">
        <v>13354654</v>
      </c>
      <c r="C18" s="15">
        <v>3000412</v>
      </c>
      <c r="D18" s="15">
        <v>2649463</v>
      </c>
      <c r="E18" s="15">
        <v>0</v>
      </c>
      <c r="F18" s="15">
        <v>0</v>
      </c>
      <c r="G18" s="15">
        <v>13705603</v>
      </c>
    </row>
    <row r="19" spans="1:7" s="10" customFormat="1" ht="17.25" customHeight="1">
      <c r="A19" s="9" t="s">
        <v>18</v>
      </c>
      <c r="B19" s="15">
        <v>5653929</v>
      </c>
      <c r="C19" s="15">
        <v>473</v>
      </c>
      <c r="D19" s="15">
        <v>1550000</v>
      </c>
      <c r="E19" s="15">
        <v>900000</v>
      </c>
      <c r="F19" s="15">
        <v>0</v>
      </c>
      <c r="G19" s="15">
        <v>5004402</v>
      </c>
    </row>
    <row r="20" spans="1:7" s="10" customFormat="1" ht="17.25" customHeight="1">
      <c r="A20" s="9" t="s">
        <v>19</v>
      </c>
      <c r="B20" s="15">
        <v>1679377</v>
      </c>
      <c r="C20" s="15">
        <v>728</v>
      </c>
      <c r="D20" s="15">
        <v>144264</v>
      </c>
      <c r="E20" s="15">
        <v>0</v>
      </c>
      <c r="F20" s="15">
        <v>0</v>
      </c>
      <c r="G20" s="15">
        <v>1535841</v>
      </c>
    </row>
    <row r="21" spans="1:7" s="10" customFormat="1" ht="17.25" customHeight="1">
      <c r="A21" s="9" t="s">
        <v>20</v>
      </c>
      <c r="B21" s="15">
        <v>2581511</v>
      </c>
      <c r="C21" s="15">
        <v>74184</v>
      </c>
      <c r="D21" s="15">
        <v>401230</v>
      </c>
      <c r="E21" s="15">
        <v>0</v>
      </c>
      <c r="F21" s="15">
        <v>0</v>
      </c>
      <c r="G21" s="15">
        <v>2254465</v>
      </c>
    </row>
    <row r="22" spans="1:7" s="10" customFormat="1" ht="17.25" customHeight="1">
      <c r="A22" s="9" t="s">
        <v>21</v>
      </c>
      <c r="B22" s="15">
        <v>1841520</v>
      </c>
      <c r="C22" s="15">
        <v>1250664</v>
      </c>
      <c r="D22" s="15">
        <v>1514870</v>
      </c>
      <c r="E22" s="15">
        <v>0</v>
      </c>
      <c r="F22" s="15">
        <v>1</v>
      </c>
      <c r="G22" s="15">
        <v>1577315</v>
      </c>
    </row>
    <row r="23" spans="1:7" s="10" customFormat="1" ht="17.25" customHeight="1">
      <c r="A23" s="9" t="s">
        <v>22</v>
      </c>
      <c r="B23" s="15">
        <v>864703</v>
      </c>
      <c r="C23" s="15">
        <v>610000</v>
      </c>
      <c r="D23" s="15">
        <v>260000</v>
      </c>
      <c r="E23" s="15">
        <v>0</v>
      </c>
      <c r="F23" s="15">
        <v>0</v>
      </c>
      <c r="G23" s="15">
        <v>1214703</v>
      </c>
    </row>
    <row r="24" spans="1:7" ht="17.25" customHeight="1">
      <c r="A24" s="18" t="s">
        <v>23</v>
      </c>
      <c r="B24" s="19">
        <v>1586716</v>
      </c>
      <c r="C24" s="19">
        <v>468607</v>
      </c>
      <c r="D24" s="19">
        <v>0</v>
      </c>
      <c r="E24" s="19">
        <v>0</v>
      </c>
      <c r="F24" s="19">
        <v>0</v>
      </c>
      <c r="G24" s="19">
        <v>2055323</v>
      </c>
    </row>
    <row r="25" spans="1:7" ht="17.25" customHeight="1">
      <c r="A25" s="9" t="s">
        <v>24</v>
      </c>
      <c r="B25" s="15">
        <v>796304</v>
      </c>
      <c r="C25" s="15">
        <v>230061</v>
      </c>
      <c r="D25" s="15">
        <v>265000</v>
      </c>
      <c r="E25" s="15">
        <v>0</v>
      </c>
      <c r="F25" s="15">
        <v>0</v>
      </c>
      <c r="G25" s="15">
        <v>761365</v>
      </c>
    </row>
    <row r="26" spans="1:7" s="10" customFormat="1" ht="17.25" customHeight="1">
      <c r="A26" s="9" t="s">
        <v>25</v>
      </c>
      <c r="B26" s="15">
        <v>1921960</v>
      </c>
      <c r="C26" s="15">
        <v>716566</v>
      </c>
      <c r="D26" s="15">
        <v>381918</v>
      </c>
      <c r="E26" s="15">
        <v>0</v>
      </c>
      <c r="F26" s="15">
        <v>0</v>
      </c>
      <c r="G26" s="15">
        <v>2256608</v>
      </c>
    </row>
    <row r="27" spans="1:7" s="10" customFormat="1" ht="17.25" customHeight="1">
      <c r="A27" s="9" t="s">
        <v>26</v>
      </c>
      <c r="B27" s="15">
        <v>1008691</v>
      </c>
      <c r="C27" s="15">
        <v>367139</v>
      </c>
      <c r="D27" s="15">
        <v>359507</v>
      </c>
      <c r="E27" s="15">
        <v>0</v>
      </c>
      <c r="F27" s="15">
        <v>0</v>
      </c>
      <c r="G27" s="15">
        <v>1016323</v>
      </c>
    </row>
    <row r="28" spans="1:7" s="10" customFormat="1" ht="17.25" customHeight="1">
      <c r="A28" s="9" t="s">
        <v>27</v>
      </c>
      <c r="B28" s="15">
        <v>874151</v>
      </c>
      <c r="C28" s="15">
        <v>126092</v>
      </c>
      <c r="D28" s="15">
        <v>68385</v>
      </c>
      <c r="E28" s="15">
        <v>0</v>
      </c>
      <c r="F28" s="15">
        <v>0</v>
      </c>
      <c r="G28" s="15">
        <v>931858</v>
      </c>
    </row>
    <row r="29" spans="1:7" s="10" customFormat="1" ht="17.25" customHeight="1">
      <c r="A29" s="9" t="s">
        <v>28</v>
      </c>
      <c r="B29" s="15">
        <v>1106999</v>
      </c>
      <c r="C29" s="15">
        <v>103606</v>
      </c>
      <c r="D29" s="15">
        <v>0</v>
      </c>
      <c r="E29" s="15">
        <v>70000</v>
      </c>
      <c r="F29" s="15">
        <v>0</v>
      </c>
      <c r="G29" s="15">
        <v>1280605</v>
      </c>
    </row>
    <row r="30" spans="1:7" s="10" customFormat="1" ht="17.25" customHeight="1">
      <c r="A30" s="9" t="s">
        <v>29</v>
      </c>
      <c r="B30" s="15">
        <v>1331963</v>
      </c>
      <c r="C30" s="15">
        <v>60594</v>
      </c>
      <c r="D30" s="15">
        <v>60000</v>
      </c>
      <c r="E30" s="15">
        <v>0</v>
      </c>
      <c r="F30" s="15">
        <v>0</v>
      </c>
      <c r="G30" s="15">
        <v>1332557</v>
      </c>
    </row>
    <row r="31" spans="1:7" s="10" customFormat="1" ht="17.25" customHeight="1">
      <c r="A31" s="9" t="s">
        <v>30</v>
      </c>
      <c r="B31" s="15">
        <v>354654</v>
      </c>
      <c r="C31" s="15">
        <v>12</v>
      </c>
      <c r="D31" s="15">
        <v>0</v>
      </c>
      <c r="E31" s="15">
        <v>0</v>
      </c>
      <c r="F31" s="15">
        <v>0</v>
      </c>
      <c r="G31" s="15">
        <v>354666</v>
      </c>
    </row>
    <row r="32" spans="1:7" s="10" customFormat="1" ht="17.25" customHeight="1">
      <c r="A32" s="9" t="s">
        <v>31</v>
      </c>
      <c r="B32" s="15">
        <v>602327</v>
      </c>
      <c r="C32" s="15">
        <v>54032</v>
      </c>
      <c r="D32" s="15">
        <v>0</v>
      </c>
      <c r="E32" s="15">
        <v>0</v>
      </c>
      <c r="F32" s="15">
        <v>0</v>
      </c>
      <c r="G32" s="15">
        <v>656359</v>
      </c>
    </row>
    <row r="33" spans="1:7" s="10" customFormat="1" ht="17.25" customHeight="1">
      <c r="A33" s="9" t="s">
        <v>32</v>
      </c>
      <c r="B33" s="15">
        <v>579657</v>
      </c>
      <c r="C33" s="15">
        <v>160165</v>
      </c>
      <c r="D33" s="15">
        <v>160000</v>
      </c>
      <c r="E33" s="15">
        <v>0</v>
      </c>
      <c r="F33" s="15">
        <v>0</v>
      </c>
      <c r="G33" s="15">
        <v>579822</v>
      </c>
    </row>
    <row r="34" spans="1:7" s="10" customFormat="1" ht="17.25" customHeight="1">
      <c r="A34" s="9" t="s">
        <v>33</v>
      </c>
      <c r="B34" s="15">
        <v>1741931</v>
      </c>
      <c r="C34" s="15">
        <v>813699</v>
      </c>
      <c r="D34" s="15">
        <v>701199</v>
      </c>
      <c r="E34" s="15">
        <v>0</v>
      </c>
      <c r="F34" s="15">
        <v>0</v>
      </c>
      <c r="G34" s="15">
        <v>1854431</v>
      </c>
    </row>
    <row r="35" spans="1:7" s="10" customFormat="1" ht="17.25" customHeight="1">
      <c r="A35" s="9" t="s">
        <v>34</v>
      </c>
      <c r="B35" s="15">
        <v>350000</v>
      </c>
      <c r="C35" s="15">
        <v>0</v>
      </c>
      <c r="D35" s="15">
        <v>60000</v>
      </c>
      <c r="E35" s="15">
        <v>0</v>
      </c>
      <c r="F35" s="15">
        <v>0</v>
      </c>
      <c r="G35" s="15">
        <v>290000</v>
      </c>
    </row>
    <row r="36" spans="1:7" s="10" customFormat="1" ht="17.25" customHeight="1">
      <c r="A36" s="9" t="s">
        <v>35</v>
      </c>
      <c r="B36" s="15">
        <v>980288</v>
      </c>
      <c r="C36" s="15">
        <v>135075</v>
      </c>
      <c r="D36" s="15">
        <v>315000</v>
      </c>
      <c r="E36" s="15">
        <v>0</v>
      </c>
      <c r="F36" s="15">
        <v>0</v>
      </c>
      <c r="G36" s="15">
        <v>800363</v>
      </c>
    </row>
    <row r="37" spans="1:7" s="10" customFormat="1" ht="17.25" customHeight="1">
      <c r="A37" s="9" t="s">
        <v>36</v>
      </c>
      <c r="B37" s="15">
        <v>910067</v>
      </c>
      <c r="C37" s="15">
        <v>171091</v>
      </c>
      <c r="D37" s="15">
        <v>8242</v>
      </c>
      <c r="E37" s="15">
        <v>0</v>
      </c>
      <c r="F37" s="15">
        <v>0</v>
      </c>
      <c r="G37" s="15">
        <v>1072916</v>
      </c>
    </row>
    <row r="38" spans="1:7" ht="17.25" customHeight="1">
      <c r="A38" s="18" t="s">
        <v>37</v>
      </c>
      <c r="B38" s="19">
        <v>1160235</v>
      </c>
      <c r="C38" s="19">
        <v>55420</v>
      </c>
      <c r="D38" s="19">
        <v>0</v>
      </c>
      <c r="E38" s="19">
        <v>0</v>
      </c>
      <c r="F38" s="19">
        <v>0</v>
      </c>
      <c r="G38" s="19">
        <v>1215655</v>
      </c>
    </row>
    <row r="39" spans="1:7" ht="17.25" customHeight="1">
      <c r="A39" s="12" t="s">
        <v>38</v>
      </c>
      <c r="B39" s="17">
        <f t="shared" ref="B39:G39" si="0">SUM(B6:B38)</f>
        <v>125743995</v>
      </c>
      <c r="C39" s="17">
        <f t="shared" si="0"/>
        <v>16402112</v>
      </c>
      <c r="D39" s="17">
        <f t="shared" si="0"/>
        <v>37496486</v>
      </c>
      <c r="E39" s="17">
        <f t="shared" si="0"/>
        <v>8823301</v>
      </c>
      <c r="F39" s="17">
        <f t="shared" si="0"/>
        <v>23</v>
      </c>
      <c r="G39" s="17">
        <f t="shared" si="0"/>
        <v>113472945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元年度市町村普通会計決算状況
　（５）イ　積立金現在高（財政調整基金）［&amp;P/&amp;N］&amp;R&amp;"ＭＳ ゴシック,標準"&amp;10
（単位：千円）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A1:G39"/>
  <sheetViews>
    <sheetView zoomScaleNormal="100" zoomScaleSheetLayoutView="100" workbookViewId="0">
      <selection activeCell="A2" sqref="A2"/>
    </sheetView>
  </sheetViews>
  <sheetFormatPr defaultColWidth="9.296875" defaultRowHeight="10.8"/>
  <cols>
    <col min="1" max="1" width="14.09765625" style="13" customWidth="1"/>
    <col min="2" max="16384" width="9.296875" style="8"/>
  </cols>
  <sheetData>
    <row r="1" spans="1:7" s="3" customFormat="1" ht="17.25" customHeight="1">
      <c r="A1" s="1"/>
      <c r="B1" s="1"/>
      <c r="C1" s="2" t="s">
        <v>60</v>
      </c>
      <c r="D1" s="2"/>
      <c r="E1" s="2"/>
      <c r="F1" s="2"/>
      <c r="G1" s="1"/>
    </row>
    <row r="2" spans="1:7" s="3" customFormat="1" ht="17.25" customHeight="1">
      <c r="A2" s="4"/>
      <c r="B2" s="4" t="s">
        <v>57</v>
      </c>
      <c r="C2" s="4"/>
      <c r="D2" s="4"/>
      <c r="E2" s="4" t="s">
        <v>0</v>
      </c>
      <c r="F2" s="4"/>
      <c r="G2" s="4" t="s">
        <v>59</v>
      </c>
    </row>
    <row r="3" spans="1:7" s="3" customFormat="1" ht="17.25" customHeight="1">
      <c r="A3" s="4"/>
      <c r="B3" s="4" t="s">
        <v>48</v>
      </c>
      <c r="C3" s="4" t="s">
        <v>1</v>
      </c>
      <c r="D3" s="4" t="s">
        <v>49</v>
      </c>
      <c r="E3" s="4" t="s">
        <v>50</v>
      </c>
      <c r="F3" s="4" t="s">
        <v>51</v>
      </c>
      <c r="G3" s="4" t="s">
        <v>48</v>
      </c>
    </row>
    <row r="4" spans="1:7" s="3" customFormat="1" ht="17.25" customHeight="1">
      <c r="A4" s="4"/>
      <c r="B4" s="4"/>
      <c r="C4" s="4"/>
      <c r="D4" s="4"/>
      <c r="E4" s="4" t="s">
        <v>52</v>
      </c>
      <c r="F4" s="4"/>
      <c r="G4" s="4" t="s">
        <v>53</v>
      </c>
    </row>
    <row r="5" spans="1:7" s="3" customFormat="1" ht="17.25" customHeight="1">
      <c r="A5" s="5"/>
      <c r="B5" s="5" t="s">
        <v>2</v>
      </c>
      <c r="C5" s="5" t="s">
        <v>3</v>
      </c>
      <c r="D5" s="5" t="s">
        <v>4</v>
      </c>
      <c r="E5" s="5" t="s">
        <v>54</v>
      </c>
      <c r="F5" s="5" t="s">
        <v>55</v>
      </c>
      <c r="G5" s="6" t="s">
        <v>56</v>
      </c>
    </row>
    <row r="6" spans="1:7" ht="17.25" customHeight="1">
      <c r="A6" s="7" t="s">
        <v>5</v>
      </c>
      <c r="B6" s="14">
        <v>0</v>
      </c>
      <c r="C6" s="14">
        <v>2507548</v>
      </c>
      <c r="D6" s="14">
        <v>2507548</v>
      </c>
      <c r="E6" s="14">
        <v>0</v>
      </c>
      <c r="F6" s="14">
        <v>0</v>
      </c>
      <c r="G6" s="14">
        <v>0</v>
      </c>
    </row>
    <row r="7" spans="1:7" s="10" customFormat="1" ht="17.25" customHeight="1">
      <c r="A7" s="9" t="s">
        <v>6</v>
      </c>
      <c r="B7" s="15">
        <v>839196</v>
      </c>
      <c r="C7" s="15">
        <v>1285261</v>
      </c>
      <c r="D7" s="15">
        <v>1000000</v>
      </c>
      <c r="E7" s="15">
        <v>0</v>
      </c>
      <c r="F7" s="15">
        <v>0</v>
      </c>
      <c r="G7" s="15">
        <v>1124457</v>
      </c>
    </row>
    <row r="8" spans="1:7" ht="17.25" customHeight="1">
      <c r="A8" s="18" t="s">
        <v>7</v>
      </c>
      <c r="B8" s="19">
        <v>334095</v>
      </c>
      <c r="C8" s="19">
        <v>44238</v>
      </c>
      <c r="D8" s="19">
        <v>0</v>
      </c>
      <c r="E8" s="19">
        <v>0</v>
      </c>
      <c r="F8" s="19">
        <v>-271</v>
      </c>
      <c r="G8" s="19">
        <v>378062</v>
      </c>
    </row>
    <row r="9" spans="1:7" ht="17.25" customHeight="1">
      <c r="A9" s="9" t="s">
        <v>8</v>
      </c>
      <c r="B9" s="15">
        <v>0</v>
      </c>
      <c r="C9" s="15">
        <v>0</v>
      </c>
      <c r="D9" s="15">
        <v>0</v>
      </c>
      <c r="E9" s="15">
        <v>0</v>
      </c>
      <c r="F9" s="15">
        <v>0</v>
      </c>
      <c r="G9" s="15">
        <v>0</v>
      </c>
    </row>
    <row r="10" spans="1:7" s="10" customFormat="1" ht="17.25" customHeight="1">
      <c r="A10" s="9" t="s">
        <v>9</v>
      </c>
      <c r="B10" s="15">
        <v>0</v>
      </c>
      <c r="C10" s="15">
        <v>0</v>
      </c>
      <c r="D10" s="15">
        <v>0</v>
      </c>
      <c r="E10" s="15">
        <v>0</v>
      </c>
      <c r="F10" s="15">
        <v>0</v>
      </c>
      <c r="G10" s="15">
        <v>0</v>
      </c>
    </row>
    <row r="11" spans="1:7" s="10" customFormat="1" ht="17.25" customHeight="1">
      <c r="A11" s="9" t="s">
        <v>10</v>
      </c>
      <c r="B11" s="15">
        <v>0</v>
      </c>
      <c r="C11" s="15">
        <v>0</v>
      </c>
      <c r="D11" s="15">
        <v>0</v>
      </c>
      <c r="E11" s="15">
        <v>0</v>
      </c>
      <c r="F11" s="15">
        <v>0</v>
      </c>
      <c r="G11" s="15">
        <v>0</v>
      </c>
    </row>
    <row r="12" spans="1:7" s="10" customFormat="1" ht="17.25" customHeight="1">
      <c r="A12" s="9" t="s">
        <v>11</v>
      </c>
      <c r="B12" s="15">
        <v>0</v>
      </c>
      <c r="C12" s="15">
        <v>0</v>
      </c>
      <c r="D12" s="15">
        <v>0</v>
      </c>
      <c r="E12" s="15">
        <v>0</v>
      </c>
      <c r="F12" s="15">
        <v>0</v>
      </c>
      <c r="G12" s="15">
        <v>0</v>
      </c>
    </row>
    <row r="13" spans="1:7" s="10" customFormat="1" ht="17.25" customHeight="1">
      <c r="A13" s="9" t="s">
        <v>12</v>
      </c>
      <c r="B13" s="15">
        <v>0</v>
      </c>
      <c r="C13" s="15">
        <v>0</v>
      </c>
      <c r="D13" s="15">
        <v>0</v>
      </c>
      <c r="E13" s="15">
        <v>0</v>
      </c>
      <c r="F13" s="15">
        <v>0</v>
      </c>
      <c r="G13" s="15">
        <v>0</v>
      </c>
    </row>
    <row r="14" spans="1:7" s="10" customFormat="1" ht="17.25" customHeight="1">
      <c r="A14" s="9" t="s">
        <v>13</v>
      </c>
      <c r="B14" s="15">
        <v>0</v>
      </c>
      <c r="C14" s="15">
        <v>0</v>
      </c>
      <c r="D14" s="15">
        <v>0</v>
      </c>
      <c r="E14" s="15">
        <v>0</v>
      </c>
      <c r="F14" s="15">
        <v>0</v>
      </c>
      <c r="G14" s="15">
        <v>0</v>
      </c>
    </row>
    <row r="15" spans="1:7" s="10" customFormat="1" ht="17.25" customHeight="1">
      <c r="A15" s="9" t="s">
        <v>14</v>
      </c>
      <c r="B15" s="15">
        <v>0</v>
      </c>
      <c r="C15" s="15">
        <v>0</v>
      </c>
      <c r="D15" s="15">
        <v>0</v>
      </c>
      <c r="E15" s="15">
        <v>0</v>
      </c>
      <c r="F15" s="15">
        <v>0</v>
      </c>
      <c r="G15" s="15">
        <v>0</v>
      </c>
    </row>
    <row r="16" spans="1:7" s="10" customFormat="1" ht="17.25" customHeight="1">
      <c r="A16" s="9" t="s">
        <v>15</v>
      </c>
      <c r="B16" s="15">
        <v>555</v>
      </c>
      <c r="C16" s="15">
        <v>0</v>
      </c>
      <c r="D16" s="15">
        <v>0</v>
      </c>
      <c r="E16" s="15">
        <v>0</v>
      </c>
      <c r="F16" s="15">
        <v>0</v>
      </c>
      <c r="G16" s="15">
        <v>555</v>
      </c>
    </row>
    <row r="17" spans="1:7" s="10" customFormat="1" ht="17.25" customHeight="1">
      <c r="A17" s="9" t="s">
        <v>16</v>
      </c>
      <c r="B17" s="15">
        <v>0</v>
      </c>
      <c r="C17" s="15">
        <v>0</v>
      </c>
      <c r="D17" s="15">
        <v>0</v>
      </c>
      <c r="E17" s="15">
        <v>0</v>
      </c>
      <c r="F17" s="15">
        <v>0</v>
      </c>
      <c r="G17" s="15">
        <v>0</v>
      </c>
    </row>
    <row r="18" spans="1:7" s="10" customFormat="1" ht="17.25" customHeight="1">
      <c r="A18" s="9" t="s">
        <v>17</v>
      </c>
      <c r="B18" s="15">
        <v>0</v>
      </c>
      <c r="C18" s="15">
        <v>0</v>
      </c>
      <c r="D18" s="15">
        <v>0</v>
      </c>
      <c r="E18" s="15">
        <v>0</v>
      </c>
      <c r="F18" s="15">
        <v>0</v>
      </c>
      <c r="G18" s="15">
        <v>0</v>
      </c>
    </row>
    <row r="19" spans="1:7" s="10" customFormat="1" ht="17.25" customHeight="1">
      <c r="A19" s="9" t="s">
        <v>18</v>
      </c>
      <c r="B19" s="15">
        <v>0</v>
      </c>
      <c r="C19" s="15">
        <v>0</v>
      </c>
      <c r="D19" s="15">
        <v>0</v>
      </c>
      <c r="E19" s="15">
        <v>0</v>
      </c>
      <c r="F19" s="15">
        <v>0</v>
      </c>
      <c r="G19" s="15">
        <v>0</v>
      </c>
    </row>
    <row r="20" spans="1:7" s="10" customFormat="1" ht="17.25" customHeight="1">
      <c r="A20" s="9" t="s">
        <v>19</v>
      </c>
      <c r="B20" s="15">
        <v>0</v>
      </c>
      <c r="C20" s="15">
        <v>0</v>
      </c>
      <c r="D20" s="15">
        <v>0</v>
      </c>
      <c r="E20" s="15">
        <v>0</v>
      </c>
      <c r="F20" s="15">
        <v>0</v>
      </c>
      <c r="G20" s="15">
        <v>0</v>
      </c>
    </row>
    <row r="21" spans="1:7" s="10" customFormat="1" ht="17.25" customHeight="1">
      <c r="A21" s="9" t="s">
        <v>20</v>
      </c>
      <c r="B21" s="15">
        <v>0</v>
      </c>
      <c r="C21" s="15">
        <v>0</v>
      </c>
      <c r="D21" s="15">
        <v>0</v>
      </c>
      <c r="E21" s="15">
        <v>0</v>
      </c>
      <c r="F21" s="15">
        <v>0</v>
      </c>
      <c r="G21" s="15">
        <v>0</v>
      </c>
    </row>
    <row r="22" spans="1:7" s="10" customFormat="1" ht="17.25" customHeight="1">
      <c r="A22" s="9" t="s">
        <v>21</v>
      </c>
      <c r="B22" s="15">
        <v>0</v>
      </c>
      <c r="C22" s="15">
        <v>0</v>
      </c>
      <c r="D22" s="15">
        <v>0</v>
      </c>
      <c r="E22" s="15">
        <v>0</v>
      </c>
      <c r="F22" s="15">
        <v>0</v>
      </c>
      <c r="G22" s="15">
        <v>0</v>
      </c>
    </row>
    <row r="23" spans="1:7" s="10" customFormat="1" ht="17.25" customHeight="1">
      <c r="A23" s="9" t="s">
        <v>22</v>
      </c>
      <c r="B23" s="15">
        <v>0</v>
      </c>
      <c r="C23" s="15">
        <v>0</v>
      </c>
      <c r="D23" s="15">
        <v>0</v>
      </c>
      <c r="E23" s="15">
        <v>0</v>
      </c>
      <c r="F23" s="15">
        <v>0</v>
      </c>
      <c r="G23" s="15">
        <v>0</v>
      </c>
    </row>
    <row r="24" spans="1:7" ht="17.25" customHeight="1">
      <c r="A24" s="18" t="s">
        <v>23</v>
      </c>
      <c r="B24" s="19">
        <v>0</v>
      </c>
      <c r="C24" s="19">
        <v>0</v>
      </c>
      <c r="D24" s="19">
        <v>0</v>
      </c>
      <c r="E24" s="19">
        <v>0</v>
      </c>
      <c r="F24" s="19">
        <v>0</v>
      </c>
      <c r="G24" s="19">
        <v>0</v>
      </c>
    </row>
    <row r="25" spans="1:7" ht="17.25" customHeight="1">
      <c r="A25" s="9" t="s">
        <v>24</v>
      </c>
      <c r="B25" s="15">
        <v>0</v>
      </c>
      <c r="C25" s="15">
        <v>0</v>
      </c>
      <c r="D25" s="15">
        <v>0</v>
      </c>
      <c r="E25" s="15">
        <v>0</v>
      </c>
      <c r="F25" s="15">
        <v>0</v>
      </c>
      <c r="G25" s="15">
        <v>0</v>
      </c>
    </row>
    <row r="26" spans="1:7" s="10" customFormat="1" ht="17.25" customHeight="1">
      <c r="A26" s="9" t="s">
        <v>25</v>
      </c>
      <c r="B26" s="15">
        <v>46949</v>
      </c>
      <c r="C26" s="15">
        <v>6</v>
      </c>
      <c r="D26" s="15">
        <v>0</v>
      </c>
      <c r="E26" s="15">
        <v>0</v>
      </c>
      <c r="F26" s="15">
        <v>0</v>
      </c>
      <c r="G26" s="15">
        <v>46955</v>
      </c>
    </row>
    <row r="27" spans="1:7" s="10" customFormat="1" ht="17.25" customHeight="1">
      <c r="A27" s="9" t="s">
        <v>26</v>
      </c>
      <c r="B27" s="15">
        <v>410</v>
      </c>
      <c r="C27" s="15">
        <v>0</v>
      </c>
      <c r="D27" s="15">
        <v>0</v>
      </c>
      <c r="E27" s="15">
        <v>0</v>
      </c>
      <c r="F27" s="15">
        <v>0</v>
      </c>
      <c r="G27" s="15">
        <v>410</v>
      </c>
    </row>
    <row r="28" spans="1:7" s="10" customFormat="1" ht="17.25" customHeight="1">
      <c r="A28" s="9" t="s">
        <v>27</v>
      </c>
      <c r="B28" s="15">
        <v>0</v>
      </c>
      <c r="C28" s="15">
        <v>0</v>
      </c>
      <c r="D28" s="15">
        <v>0</v>
      </c>
      <c r="E28" s="15">
        <v>0</v>
      </c>
      <c r="F28" s="15">
        <v>0</v>
      </c>
      <c r="G28" s="15">
        <v>0</v>
      </c>
    </row>
    <row r="29" spans="1:7" s="10" customFormat="1" ht="17.25" customHeight="1">
      <c r="A29" s="9" t="s">
        <v>28</v>
      </c>
      <c r="B29" s="15">
        <v>5868</v>
      </c>
      <c r="C29" s="15">
        <v>1</v>
      </c>
      <c r="D29" s="15">
        <v>0</v>
      </c>
      <c r="E29" s="15">
        <v>0</v>
      </c>
      <c r="F29" s="15">
        <v>0</v>
      </c>
      <c r="G29" s="15">
        <v>5869</v>
      </c>
    </row>
    <row r="30" spans="1:7" s="10" customFormat="1" ht="17.25" customHeight="1">
      <c r="A30" s="9" t="s">
        <v>29</v>
      </c>
      <c r="B30" s="15">
        <v>0</v>
      </c>
      <c r="C30" s="15">
        <v>0</v>
      </c>
      <c r="D30" s="15">
        <v>0</v>
      </c>
      <c r="E30" s="15">
        <v>0</v>
      </c>
      <c r="F30" s="15">
        <v>0</v>
      </c>
      <c r="G30" s="15">
        <v>0</v>
      </c>
    </row>
    <row r="31" spans="1:7" s="10" customFormat="1" ht="17.25" customHeight="1">
      <c r="A31" s="9" t="s">
        <v>30</v>
      </c>
      <c r="B31" s="15">
        <v>785</v>
      </c>
      <c r="C31" s="15">
        <v>0</v>
      </c>
      <c r="D31" s="15">
        <v>0</v>
      </c>
      <c r="E31" s="15">
        <v>0</v>
      </c>
      <c r="F31" s="15">
        <v>0</v>
      </c>
      <c r="G31" s="15">
        <v>785</v>
      </c>
    </row>
    <row r="32" spans="1:7" s="10" customFormat="1" ht="17.25" customHeight="1">
      <c r="A32" s="9" t="s">
        <v>31</v>
      </c>
      <c r="B32" s="15">
        <v>3821</v>
      </c>
      <c r="C32" s="15">
        <v>0</v>
      </c>
      <c r="D32" s="15">
        <v>0</v>
      </c>
      <c r="E32" s="15">
        <v>0</v>
      </c>
      <c r="F32" s="15">
        <v>0</v>
      </c>
      <c r="G32" s="15">
        <v>3821</v>
      </c>
    </row>
    <row r="33" spans="1:7" s="10" customFormat="1" ht="17.25" customHeight="1">
      <c r="A33" s="9" t="s">
        <v>32</v>
      </c>
      <c r="B33" s="15">
        <v>12893</v>
      </c>
      <c r="C33" s="15">
        <v>14</v>
      </c>
      <c r="D33" s="15">
        <v>0</v>
      </c>
      <c r="E33" s="15">
        <v>0</v>
      </c>
      <c r="F33" s="15">
        <v>0</v>
      </c>
      <c r="G33" s="15">
        <v>12907</v>
      </c>
    </row>
    <row r="34" spans="1:7" s="10" customFormat="1" ht="17.25" customHeight="1">
      <c r="A34" s="9" t="s">
        <v>33</v>
      </c>
      <c r="B34" s="15">
        <v>0</v>
      </c>
      <c r="C34" s="15">
        <v>0</v>
      </c>
      <c r="D34" s="15">
        <v>0</v>
      </c>
      <c r="E34" s="15">
        <v>0</v>
      </c>
      <c r="F34" s="15">
        <v>0</v>
      </c>
      <c r="G34" s="15">
        <v>0</v>
      </c>
    </row>
    <row r="35" spans="1:7" s="10" customFormat="1" ht="17.25" customHeight="1">
      <c r="A35" s="9" t="s">
        <v>34</v>
      </c>
      <c r="B35" s="15">
        <v>1</v>
      </c>
      <c r="C35" s="15">
        <v>0</v>
      </c>
      <c r="D35" s="15">
        <v>0</v>
      </c>
      <c r="E35" s="15">
        <v>0</v>
      </c>
      <c r="F35" s="15">
        <v>0</v>
      </c>
      <c r="G35" s="15">
        <v>1</v>
      </c>
    </row>
    <row r="36" spans="1:7" s="10" customFormat="1" ht="17.25" customHeight="1">
      <c r="A36" s="9" t="s">
        <v>35</v>
      </c>
      <c r="B36" s="15">
        <v>2425</v>
      </c>
      <c r="C36" s="15">
        <v>1</v>
      </c>
      <c r="D36" s="15">
        <v>0</v>
      </c>
      <c r="E36" s="15">
        <v>0</v>
      </c>
      <c r="F36" s="15">
        <v>0</v>
      </c>
      <c r="G36" s="15">
        <v>2426</v>
      </c>
    </row>
    <row r="37" spans="1:7" s="10" customFormat="1" ht="17.25" customHeight="1">
      <c r="A37" s="9" t="s">
        <v>36</v>
      </c>
      <c r="B37" s="15">
        <v>0</v>
      </c>
      <c r="C37" s="15">
        <v>0</v>
      </c>
      <c r="D37" s="15">
        <v>0</v>
      </c>
      <c r="E37" s="15">
        <v>0</v>
      </c>
      <c r="F37" s="15">
        <v>0</v>
      </c>
      <c r="G37" s="15">
        <v>0</v>
      </c>
    </row>
    <row r="38" spans="1:7" ht="17.25" customHeight="1">
      <c r="A38" s="11" t="s">
        <v>37</v>
      </c>
      <c r="B38" s="16">
        <v>0</v>
      </c>
      <c r="C38" s="16">
        <v>0</v>
      </c>
      <c r="D38" s="16">
        <v>0</v>
      </c>
      <c r="E38" s="16">
        <v>0</v>
      </c>
      <c r="F38" s="16">
        <v>0</v>
      </c>
      <c r="G38" s="16">
        <v>0</v>
      </c>
    </row>
    <row r="39" spans="1:7" ht="17.25" customHeight="1">
      <c r="A39" s="12" t="s">
        <v>38</v>
      </c>
      <c r="B39" s="17">
        <f>SUM(B6:B38)</f>
        <v>1246998</v>
      </c>
      <c r="C39" s="17">
        <f t="shared" ref="C39:G39" si="0">SUM(C6:C38)</f>
        <v>3837069</v>
      </c>
      <c r="D39" s="17">
        <f t="shared" si="0"/>
        <v>3507548</v>
      </c>
      <c r="E39" s="17">
        <f t="shared" si="0"/>
        <v>0</v>
      </c>
      <c r="F39" s="17">
        <f t="shared" si="0"/>
        <v>-271</v>
      </c>
      <c r="G39" s="17">
        <f t="shared" si="0"/>
        <v>1576248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元年度市町村普通会計決算状況
　（５）ウ　積立金現在高（減債基金）［&amp;P/&amp;N］&amp;R&amp;"ＭＳ ゴシック,標準"&amp;10
（単位：千円）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/>
  <dimension ref="A1:G39"/>
  <sheetViews>
    <sheetView zoomScaleNormal="100" zoomScaleSheetLayoutView="100" workbookViewId="0">
      <selection activeCell="A2" sqref="A2"/>
    </sheetView>
  </sheetViews>
  <sheetFormatPr defaultColWidth="9.296875" defaultRowHeight="10.8"/>
  <cols>
    <col min="1" max="1" width="14.09765625" style="13" customWidth="1"/>
    <col min="2" max="16384" width="9.296875" style="8"/>
  </cols>
  <sheetData>
    <row r="1" spans="1:7" s="3" customFormat="1" ht="17.25" customHeight="1">
      <c r="A1" s="1"/>
      <c r="B1" s="1"/>
      <c r="C1" s="2" t="s">
        <v>60</v>
      </c>
      <c r="D1" s="2"/>
      <c r="E1" s="2"/>
      <c r="F1" s="2"/>
      <c r="G1" s="1"/>
    </row>
    <row r="2" spans="1:7" s="3" customFormat="1" ht="17.25" customHeight="1">
      <c r="A2" s="4"/>
      <c r="B2" s="4" t="s">
        <v>61</v>
      </c>
      <c r="C2" s="4"/>
      <c r="D2" s="4"/>
      <c r="E2" s="4" t="s">
        <v>0</v>
      </c>
      <c r="F2" s="22"/>
      <c r="G2" s="4" t="s">
        <v>59</v>
      </c>
    </row>
    <row r="3" spans="1:7" s="3" customFormat="1" ht="17.25" customHeight="1">
      <c r="A3" s="4"/>
      <c r="B3" s="4" t="s">
        <v>48</v>
      </c>
      <c r="C3" s="4" t="s">
        <v>1</v>
      </c>
      <c r="D3" s="4" t="s">
        <v>49</v>
      </c>
      <c r="E3" s="4" t="s">
        <v>50</v>
      </c>
      <c r="F3" s="22" t="s">
        <v>51</v>
      </c>
      <c r="G3" s="4" t="s">
        <v>48</v>
      </c>
    </row>
    <row r="4" spans="1:7" s="3" customFormat="1" ht="17.25" customHeight="1">
      <c r="A4" s="4"/>
      <c r="B4" s="4"/>
      <c r="C4" s="4"/>
      <c r="D4" s="4"/>
      <c r="E4" s="4" t="s">
        <v>52</v>
      </c>
      <c r="F4" s="22"/>
      <c r="G4" s="4" t="s">
        <v>53</v>
      </c>
    </row>
    <row r="5" spans="1:7" s="3" customFormat="1" ht="17.25" customHeight="1">
      <c r="A5" s="5"/>
      <c r="B5" s="5" t="s">
        <v>2</v>
      </c>
      <c r="C5" s="5" t="s">
        <v>3</v>
      </c>
      <c r="D5" s="5" t="s">
        <v>4</v>
      </c>
      <c r="E5" s="5" t="s">
        <v>54</v>
      </c>
      <c r="F5" s="23" t="s">
        <v>55</v>
      </c>
      <c r="G5" s="6" t="s">
        <v>56</v>
      </c>
    </row>
    <row r="6" spans="1:7" ht="17.25" customHeight="1">
      <c r="A6" s="7" t="s">
        <v>5</v>
      </c>
      <c r="B6" s="14">
        <v>14529504</v>
      </c>
      <c r="C6" s="14">
        <v>5962056</v>
      </c>
      <c r="D6" s="14">
        <v>3751502</v>
      </c>
      <c r="E6" s="14">
        <v>0</v>
      </c>
      <c r="F6" s="14">
        <v>0</v>
      </c>
      <c r="G6" s="14">
        <v>16740058</v>
      </c>
    </row>
    <row r="7" spans="1:7" s="10" customFormat="1" ht="17.25" customHeight="1">
      <c r="A7" s="9" t="s">
        <v>6</v>
      </c>
      <c r="B7" s="15">
        <v>22314619</v>
      </c>
      <c r="C7" s="15">
        <v>1918028</v>
      </c>
      <c r="D7" s="15">
        <v>1026380</v>
      </c>
      <c r="E7" s="15">
        <v>0</v>
      </c>
      <c r="F7" s="15">
        <v>0</v>
      </c>
      <c r="G7" s="15">
        <v>23206267</v>
      </c>
    </row>
    <row r="8" spans="1:7" ht="17.25" customHeight="1">
      <c r="A8" s="20" t="s">
        <v>7</v>
      </c>
      <c r="B8" s="21">
        <v>7393403</v>
      </c>
      <c r="C8" s="21">
        <v>939682</v>
      </c>
      <c r="D8" s="21">
        <v>1063783</v>
      </c>
      <c r="E8" s="21">
        <v>0</v>
      </c>
      <c r="F8" s="21">
        <v>0</v>
      </c>
      <c r="G8" s="21">
        <v>7269302</v>
      </c>
    </row>
    <row r="9" spans="1:7" ht="17.25" customHeight="1">
      <c r="A9" s="9" t="s">
        <v>8</v>
      </c>
      <c r="B9" s="15">
        <v>2524162</v>
      </c>
      <c r="C9" s="15">
        <v>1315203</v>
      </c>
      <c r="D9" s="15">
        <v>985704</v>
      </c>
      <c r="E9" s="15">
        <v>0</v>
      </c>
      <c r="F9" s="15">
        <v>397</v>
      </c>
      <c r="G9" s="15">
        <v>2854058</v>
      </c>
    </row>
    <row r="10" spans="1:7" s="10" customFormat="1" ht="17.25" customHeight="1">
      <c r="A10" s="9" t="s">
        <v>9</v>
      </c>
      <c r="B10" s="15">
        <v>7070915</v>
      </c>
      <c r="C10" s="15">
        <v>276260</v>
      </c>
      <c r="D10" s="15">
        <v>749888</v>
      </c>
      <c r="E10" s="15">
        <v>0</v>
      </c>
      <c r="F10" s="15">
        <v>0</v>
      </c>
      <c r="G10" s="15">
        <v>6597287</v>
      </c>
    </row>
    <row r="11" spans="1:7" s="10" customFormat="1" ht="17.25" customHeight="1">
      <c r="A11" s="9" t="s">
        <v>10</v>
      </c>
      <c r="B11" s="15">
        <v>4796547</v>
      </c>
      <c r="C11" s="15">
        <v>819241</v>
      </c>
      <c r="D11" s="15">
        <v>254207</v>
      </c>
      <c r="E11" s="15">
        <v>0</v>
      </c>
      <c r="F11" s="15">
        <v>-3</v>
      </c>
      <c r="G11" s="15">
        <v>5361578</v>
      </c>
    </row>
    <row r="12" spans="1:7" s="10" customFormat="1" ht="17.25" customHeight="1">
      <c r="A12" s="9" t="s">
        <v>11</v>
      </c>
      <c r="B12" s="15">
        <v>9207930</v>
      </c>
      <c r="C12" s="15">
        <v>1093832</v>
      </c>
      <c r="D12" s="15">
        <v>2313262</v>
      </c>
      <c r="E12" s="15">
        <v>0</v>
      </c>
      <c r="F12" s="15">
        <v>-95776</v>
      </c>
      <c r="G12" s="15">
        <v>7892724</v>
      </c>
    </row>
    <row r="13" spans="1:7" s="10" customFormat="1" ht="17.25" customHeight="1">
      <c r="A13" s="9" t="s">
        <v>12</v>
      </c>
      <c r="B13" s="15">
        <v>4590764</v>
      </c>
      <c r="C13" s="15">
        <v>52132</v>
      </c>
      <c r="D13" s="15">
        <v>1130075</v>
      </c>
      <c r="E13" s="15">
        <v>0</v>
      </c>
      <c r="F13" s="15">
        <v>118808</v>
      </c>
      <c r="G13" s="15">
        <v>3631629</v>
      </c>
    </row>
    <row r="14" spans="1:7" s="10" customFormat="1" ht="17.25" customHeight="1">
      <c r="A14" s="9" t="s">
        <v>13</v>
      </c>
      <c r="B14" s="15">
        <v>2076882</v>
      </c>
      <c r="C14" s="15">
        <v>377115</v>
      </c>
      <c r="D14" s="15">
        <v>145143</v>
      </c>
      <c r="E14" s="15">
        <v>0</v>
      </c>
      <c r="F14" s="15">
        <v>0</v>
      </c>
      <c r="G14" s="15">
        <v>2308854</v>
      </c>
    </row>
    <row r="15" spans="1:7" s="10" customFormat="1" ht="17.25" customHeight="1">
      <c r="A15" s="9" t="s">
        <v>14</v>
      </c>
      <c r="B15" s="15">
        <v>555572</v>
      </c>
      <c r="C15" s="15">
        <v>105760</v>
      </c>
      <c r="D15" s="15">
        <v>61720</v>
      </c>
      <c r="E15" s="15">
        <v>0</v>
      </c>
      <c r="F15" s="15">
        <v>0</v>
      </c>
      <c r="G15" s="15">
        <v>599612</v>
      </c>
    </row>
    <row r="16" spans="1:7" s="10" customFormat="1" ht="17.25" customHeight="1">
      <c r="A16" s="9" t="s">
        <v>15</v>
      </c>
      <c r="B16" s="15">
        <v>318370</v>
      </c>
      <c r="C16" s="15">
        <v>296625</v>
      </c>
      <c r="D16" s="15">
        <v>59173</v>
      </c>
      <c r="E16" s="15">
        <v>0</v>
      </c>
      <c r="F16" s="15">
        <v>1</v>
      </c>
      <c r="G16" s="15">
        <v>555823</v>
      </c>
    </row>
    <row r="17" spans="1:7" s="10" customFormat="1" ht="17.25" customHeight="1">
      <c r="A17" s="9" t="s">
        <v>16</v>
      </c>
      <c r="B17" s="15">
        <v>876068</v>
      </c>
      <c r="C17" s="15">
        <v>378466</v>
      </c>
      <c r="D17" s="15">
        <v>311088</v>
      </c>
      <c r="E17" s="15">
        <v>0</v>
      </c>
      <c r="F17" s="15">
        <v>0</v>
      </c>
      <c r="G17" s="15">
        <v>943446</v>
      </c>
    </row>
    <row r="18" spans="1:7" s="10" customFormat="1" ht="17.25" customHeight="1">
      <c r="A18" s="9" t="s">
        <v>17</v>
      </c>
      <c r="B18" s="15">
        <v>5568714</v>
      </c>
      <c r="C18" s="15">
        <v>326006</v>
      </c>
      <c r="D18" s="15">
        <v>20814</v>
      </c>
      <c r="E18" s="15">
        <v>0</v>
      </c>
      <c r="F18" s="15">
        <v>0</v>
      </c>
      <c r="G18" s="15">
        <v>5873906</v>
      </c>
    </row>
    <row r="19" spans="1:7" s="10" customFormat="1" ht="17.25" customHeight="1">
      <c r="A19" s="9" t="s">
        <v>18</v>
      </c>
      <c r="B19" s="15">
        <v>1479138</v>
      </c>
      <c r="C19" s="15">
        <v>19198</v>
      </c>
      <c r="D19" s="15">
        <v>1007583</v>
      </c>
      <c r="E19" s="15">
        <v>0</v>
      </c>
      <c r="F19" s="15">
        <v>0</v>
      </c>
      <c r="G19" s="15">
        <v>490753</v>
      </c>
    </row>
    <row r="20" spans="1:7" s="10" customFormat="1" ht="17.25" customHeight="1">
      <c r="A20" s="9" t="s">
        <v>19</v>
      </c>
      <c r="B20" s="15">
        <v>782172</v>
      </c>
      <c r="C20" s="15">
        <v>63879</v>
      </c>
      <c r="D20" s="15">
        <v>164165</v>
      </c>
      <c r="E20" s="15">
        <v>0</v>
      </c>
      <c r="F20" s="15">
        <v>0</v>
      </c>
      <c r="G20" s="15">
        <v>681886</v>
      </c>
    </row>
    <row r="21" spans="1:7" s="10" customFormat="1" ht="17.25" customHeight="1">
      <c r="A21" s="9" t="s">
        <v>20</v>
      </c>
      <c r="B21" s="15">
        <v>3889521</v>
      </c>
      <c r="C21" s="15">
        <v>896717</v>
      </c>
      <c r="D21" s="15">
        <v>568192</v>
      </c>
      <c r="E21" s="15">
        <v>0</v>
      </c>
      <c r="F21" s="15">
        <v>0</v>
      </c>
      <c r="G21" s="15">
        <v>4218046</v>
      </c>
    </row>
    <row r="22" spans="1:7" s="10" customFormat="1" ht="17.25" customHeight="1">
      <c r="A22" s="9" t="s">
        <v>21</v>
      </c>
      <c r="B22" s="15">
        <v>1029071</v>
      </c>
      <c r="C22" s="15">
        <v>806083</v>
      </c>
      <c r="D22" s="15">
        <v>701536</v>
      </c>
      <c r="E22" s="15">
        <v>0</v>
      </c>
      <c r="F22" s="15">
        <v>0</v>
      </c>
      <c r="G22" s="15">
        <v>1133618</v>
      </c>
    </row>
    <row r="23" spans="1:7" s="10" customFormat="1" ht="17.25" customHeight="1">
      <c r="A23" s="9" t="s">
        <v>22</v>
      </c>
      <c r="B23" s="15">
        <v>2290515</v>
      </c>
      <c r="C23" s="15">
        <v>800784</v>
      </c>
      <c r="D23" s="15">
        <v>107033</v>
      </c>
      <c r="E23" s="15">
        <v>0</v>
      </c>
      <c r="F23" s="15">
        <v>0</v>
      </c>
      <c r="G23" s="15">
        <v>2984266</v>
      </c>
    </row>
    <row r="24" spans="1:7" ht="17.25" customHeight="1">
      <c r="A24" s="18" t="s">
        <v>23</v>
      </c>
      <c r="B24" s="19">
        <v>657958</v>
      </c>
      <c r="C24" s="19">
        <v>459640</v>
      </c>
      <c r="D24" s="19">
        <v>350122</v>
      </c>
      <c r="E24" s="19">
        <v>0</v>
      </c>
      <c r="F24" s="19">
        <v>0</v>
      </c>
      <c r="G24" s="19">
        <v>767476</v>
      </c>
    </row>
    <row r="25" spans="1:7" ht="17.25" customHeight="1">
      <c r="A25" s="9" t="s">
        <v>24</v>
      </c>
      <c r="B25" s="15">
        <v>1433475</v>
      </c>
      <c r="C25" s="15">
        <v>171613</v>
      </c>
      <c r="D25" s="15">
        <v>301000</v>
      </c>
      <c r="E25" s="15">
        <v>0</v>
      </c>
      <c r="F25" s="15">
        <v>0</v>
      </c>
      <c r="G25" s="15">
        <v>1304088</v>
      </c>
    </row>
    <row r="26" spans="1:7" s="10" customFormat="1" ht="17.25" customHeight="1">
      <c r="A26" s="9" t="s">
        <v>25</v>
      </c>
      <c r="B26" s="15">
        <v>1266548</v>
      </c>
      <c r="C26" s="15">
        <v>65609</v>
      </c>
      <c r="D26" s="15">
        <v>27018</v>
      </c>
      <c r="E26" s="15">
        <v>0</v>
      </c>
      <c r="F26" s="15">
        <v>0</v>
      </c>
      <c r="G26" s="15">
        <v>1305139</v>
      </c>
    </row>
    <row r="27" spans="1:7" s="10" customFormat="1" ht="17.25" customHeight="1">
      <c r="A27" s="9" t="s">
        <v>26</v>
      </c>
      <c r="B27" s="15">
        <v>1199820</v>
      </c>
      <c r="C27" s="15">
        <v>482106</v>
      </c>
      <c r="D27" s="15">
        <v>17860</v>
      </c>
      <c r="E27" s="15">
        <v>0</v>
      </c>
      <c r="F27" s="15">
        <v>0</v>
      </c>
      <c r="G27" s="15">
        <v>1664066</v>
      </c>
    </row>
    <row r="28" spans="1:7" s="10" customFormat="1" ht="17.25" customHeight="1">
      <c r="A28" s="9" t="s">
        <v>27</v>
      </c>
      <c r="B28" s="15">
        <v>569476</v>
      </c>
      <c r="C28" s="15">
        <v>235678</v>
      </c>
      <c r="D28" s="15">
        <v>62264</v>
      </c>
      <c r="E28" s="15">
        <v>0</v>
      </c>
      <c r="F28" s="15">
        <v>0</v>
      </c>
      <c r="G28" s="15">
        <v>742890</v>
      </c>
    </row>
    <row r="29" spans="1:7" s="10" customFormat="1" ht="17.25" customHeight="1">
      <c r="A29" s="9" t="s">
        <v>28</v>
      </c>
      <c r="B29" s="15">
        <v>502205</v>
      </c>
      <c r="C29" s="15">
        <v>90625</v>
      </c>
      <c r="D29" s="15">
        <v>0</v>
      </c>
      <c r="E29" s="15">
        <v>0</v>
      </c>
      <c r="F29" s="15">
        <v>0</v>
      </c>
      <c r="G29" s="15">
        <v>592830</v>
      </c>
    </row>
    <row r="30" spans="1:7" s="10" customFormat="1" ht="17.25" customHeight="1">
      <c r="A30" s="9" t="s">
        <v>29</v>
      </c>
      <c r="B30" s="15">
        <v>415903</v>
      </c>
      <c r="C30" s="15">
        <v>872</v>
      </c>
      <c r="D30" s="15">
        <v>30000</v>
      </c>
      <c r="E30" s="15">
        <v>0</v>
      </c>
      <c r="F30" s="15">
        <v>0</v>
      </c>
      <c r="G30" s="15">
        <v>386775</v>
      </c>
    </row>
    <row r="31" spans="1:7" s="10" customFormat="1" ht="17.25" customHeight="1">
      <c r="A31" s="9" t="s">
        <v>30</v>
      </c>
      <c r="B31" s="15">
        <v>321363</v>
      </c>
      <c r="C31" s="15">
        <v>34521</v>
      </c>
      <c r="D31" s="15">
        <v>33600</v>
      </c>
      <c r="E31" s="15">
        <v>0</v>
      </c>
      <c r="F31" s="15">
        <v>4998</v>
      </c>
      <c r="G31" s="15">
        <v>327282</v>
      </c>
    </row>
    <row r="32" spans="1:7" s="10" customFormat="1" ht="17.25" customHeight="1">
      <c r="A32" s="9" t="s">
        <v>31</v>
      </c>
      <c r="B32" s="15">
        <v>739062</v>
      </c>
      <c r="C32" s="15">
        <v>5311</v>
      </c>
      <c r="D32" s="15">
        <v>33358</v>
      </c>
      <c r="E32" s="15">
        <v>0</v>
      </c>
      <c r="F32" s="15">
        <v>0</v>
      </c>
      <c r="G32" s="15">
        <v>711015</v>
      </c>
    </row>
    <row r="33" spans="1:7" s="10" customFormat="1" ht="17.25" customHeight="1">
      <c r="A33" s="9" t="s">
        <v>32</v>
      </c>
      <c r="B33" s="15">
        <v>806841</v>
      </c>
      <c r="C33" s="15">
        <v>1885</v>
      </c>
      <c r="D33" s="15">
        <v>281543</v>
      </c>
      <c r="E33" s="15">
        <v>0</v>
      </c>
      <c r="F33" s="15">
        <v>0</v>
      </c>
      <c r="G33" s="15">
        <v>527183</v>
      </c>
    </row>
    <row r="34" spans="1:7" s="10" customFormat="1" ht="17.25" customHeight="1">
      <c r="A34" s="9" t="s">
        <v>33</v>
      </c>
      <c r="B34" s="15">
        <v>494319</v>
      </c>
      <c r="C34" s="15">
        <v>6717</v>
      </c>
      <c r="D34" s="15">
        <v>11517</v>
      </c>
      <c r="E34" s="15">
        <v>0</v>
      </c>
      <c r="F34" s="15">
        <v>0</v>
      </c>
      <c r="G34" s="15">
        <v>489519</v>
      </c>
    </row>
    <row r="35" spans="1:7" s="10" customFormat="1" ht="17.25" customHeight="1">
      <c r="A35" s="9" t="s">
        <v>34</v>
      </c>
      <c r="B35" s="15">
        <v>107709</v>
      </c>
      <c r="C35" s="15">
        <v>12993</v>
      </c>
      <c r="D35" s="15">
        <v>42568</v>
      </c>
      <c r="E35" s="15">
        <v>0</v>
      </c>
      <c r="F35" s="15">
        <v>0</v>
      </c>
      <c r="G35" s="15">
        <v>78134</v>
      </c>
    </row>
    <row r="36" spans="1:7" s="10" customFormat="1" ht="17.25" customHeight="1">
      <c r="A36" s="9" t="s">
        <v>35</v>
      </c>
      <c r="B36" s="15">
        <v>1204175</v>
      </c>
      <c r="C36" s="15">
        <v>362506</v>
      </c>
      <c r="D36" s="15">
        <v>483148</v>
      </c>
      <c r="E36" s="15">
        <v>0</v>
      </c>
      <c r="F36" s="15">
        <v>-51040</v>
      </c>
      <c r="G36" s="15">
        <v>1032493</v>
      </c>
    </row>
    <row r="37" spans="1:7" s="10" customFormat="1" ht="17.25" customHeight="1">
      <c r="A37" s="9" t="s">
        <v>36</v>
      </c>
      <c r="B37" s="15">
        <v>598091</v>
      </c>
      <c r="C37" s="15">
        <v>253028</v>
      </c>
      <c r="D37" s="15">
        <v>1953</v>
      </c>
      <c r="E37" s="15">
        <v>0</v>
      </c>
      <c r="F37" s="15">
        <v>0</v>
      </c>
      <c r="G37" s="15">
        <v>849166</v>
      </c>
    </row>
    <row r="38" spans="1:7" ht="17.25" customHeight="1">
      <c r="A38" s="11" t="s">
        <v>37</v>
      </c>
      <c r="B38" s="16">
        <v>1157657</v>
      </c>
      <c r="C38" s="16">
        <v>25288</v>
      </c>
      <c r="D38" s="16">
        <v>9466</v>
      </c>
      <c r="E38" s="16">
        <v>0</v>
      </c>
      <c r="F38" s="16">
        <v>0</v>
      </c>
      <c r="G38" s="16">
        <v>1173479</v>
      </c>
    </row>
    <row r="39" spans="1:7" ht="17.25" customHeight="1">
      <c r="A39" s="12" t="s">
        <v>38</v>
      </c>
      <c r="B39" s="17">
        <f>SUM(B6:B38)</f>
        <v>102768469</v>
      </c>
      <c r="C39" s="17">
        <f t="shared" ref="C39:G39" si="0">SUM(C6:C38)</f>
        <v>18655459</v>
      </c>
      <c r="D39" s="17">
        <f t="shared" si="0"/>
        <v>16106665</v>
      </c>
      <c r="E39" s="17">
        <f t="shared" si="0"/>
        <v>0</v>
      </c>
      <c r="F39" s="17">
        <f t="shared" si="0"/>
        <v>-22615</v>
      </c>
      <c r="G39" s="17">
        <f t="shared" si="0"/>
        <v>105294648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元年度市町村普通会計決算状況
　（５）エ　積立金現在高（その他特定目的基金）［&amp;P/&amp;N］&amp;R&amp;"ＭＳ ゴシック,標準"&amp;10
（単位：千円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8</vt:i4>
      </vt:variant>
    </vt:vector>
  </HeadingPairs>
  <TitlesOfParts>
    <vt:vector size="12" baseType="lpstr">
      <vt:lpstr>15-1(積立金合計)</vt:lpstr>
      <vt:lpstr>15-2（財調）</vt:lpstr>
      <vt:lpstr>15-3（減債）</vt:lpstr>
      <vt:lpstr>15-4（その他特目）</vt:lpstr>
      <vt:lpstr>'15-1(積立金合計)'!Print_Area</vt:lpstr>
      <vt:lpstr>'15-2（財調）'!Print_Area</vt:lpstr>
      <vt:lpstr>'15-3（減債）'!Print_Area</vt:lpstr>
      <vt:lpstr>'15-4（その他特目）'!Print_Area</vt:lpstr>
      <vt:lpstr>'15-1(積立金合計)'!Print_Titles</vt:lpstr>
      <vt:lpstr>'15-2（財調）'!Print_Titles</vt:lpstr>
      <vt:lpstr>'15-3（減債）'!Print_Titles</vt:lpstr>
      <vt:lpstr>'15-4（その他特目）'!Print_Titles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0-12-22T04:30:54Z</cp:lastPrinted>
  <dcterms:created xsi:type="dcterms:W3CDTF">2013-03-18T10:12:13Z</dcterms:created>
  <dcterms:modified xsi:type="dcterms:W3CDTF">2020-12-22T04:31:00Z</dcterms:modified>
</cp:coreProperties>
</file>